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"/>
  </p:notesMasterIdLst>
  <p:sldIdLst>
    <p:sldId id="273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C361719-B315-4188-8F95-D6CAC6AB20EA}" v="370" dt="2026-04-13T16:03:30.05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14" autoAdjust="0"/>
    <p:restoredTop sz="94660"/>
  </p:normalViewPr>
  <p:slideViewPr>
    <p:cSldViewPr snapToGrid="0">
      <p:cViewPr varScale="1">
        <p:scale>
          <a:sx n="81" d="100"/>
          <a:sy n="81" d="100"/>
        </p:scale>
        <p:origin x="96" y="61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6/11/relationships/changesInfo" Target="changesInfos/changesInfo1.xml"/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Relationship Id="rId9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ara Solomon" userId="29161881-c2d9-4a3c-aa6b-da9959b1da38" providerId="ADAL" clId="{198F4064-ACA3-4B64-8E19-64569F04FAFA}"/>
    <pc:docChg chg="custSel mod modSld modMainMaster">
      <pc:chgData name="Dara Solomon" userId="29161881-c2d9-4a3c-aa6b-da9959b1da38" providerId="ADAL" clId="{198F4064-ACA3-4B64-8E19-64569F04FAFA}" dt="2026-04-13T16:03:30.053" v="1153"/>
      <pc:docMkLst>
        <pc:docMk/>
      </pc:docMkLst>
      <pc:sldChg chg="modSp mod">
        <pc:chgData name="Dara Solomon" userId="29161881-c2d9-4a3c-aa6b-da9959b1da38" providerId="ADAL" clId="{198F4064-ACA3-4B64-8E19-64569F04FAFA}" dt="2026-04-13T16:03:30.053" v="1153"/>
        <pc:sldMkLst>
          <pc:docMk/>
          <pc:sldMk cId="1084749374" sldId="273"/>
        </pc:sldMkLst>
        <pc:spChg chg="mod">
          <ac:chgData name="Dara Solomon" userId="29161881-c2d9-4a3c-aa6b-da9959b1da38" providerId="ADAL" clId="{198F4064-ACA3-4B64-8E19-64569F04FAFA}" dt="2026-04-13T16:03:29.305" v="841"/>
          <ac:spMkLst>
            <pc:docMk/>
            <pc:sldMk cId="1084749374" sldId="273"/>
            <ac:spMk id="2" creationId="{0751690E-95C7-352E-C8C6-3B7BBFFEC791}"/>
          </ac:spMkLst>
        </pc:spChg>
        <pc:spChg chg="mod">
          <ac:chgData name="Dara Solomon" userId="29161881-c2d9-4a3c-aa6b-da9959b1da38" providerId="ADAL" clId="{198F4064-ACA3-4B64-8E19-64569F04FAFA}" dt="2026-04-13T16:03:29.308" v="845"/>
          <ac:spMkLst>
            <pc:docMk/>
            <pc:sldMk cId="1084749374" sldId="273"/>
            <ac:spMk id="3" creationId="{BA178CD2-7298-9439-9DCF-1F3B8AE262EE}"/>
          </ac:spMkLst>
        </pc:spChg>
        <pc:spChg chg="mod">
          <ac:chgData name="Dara Solomon" userId="29161881-c2d9-4a3c-aa6b-da9959b1da38" providerId="ADAL" clId="{198F4064-ACA3-4B64-8E19-64569F04FAFA}" dt="2026-04-13T16:03:29.310" v="846"/>
          <ac:spMkLst>
            <pc:docMk/>
            <pc:sldMk cId="1084749374" sldId="273"/>
            <ac:spMk id="4" creationId="{975D7C37-6299-0371-8B9B-51E5D93A6E61}"/>
          </ac:spMkLst>
        </pc:spChg>
        <pc:spChg chg="mod">
          <ac:chgData name="Dara Solomon" userId="29161881-c2d9-4a3c-aa6b-da9959b1da38" providerId="ADAL" clId="{198F4064-ACA3-4B64-8E19-64569F04FAFA}" dt="2026-04-13T16:03:29.315" v="850" actId="207"/>
          <ac:spMkLst>
            <pc:docMk/>
            <pc:sldMk cId="1084749374" sldId="273"/>
            <ac:spMk id="5" creationId="{A73C937F-5BAA-3681-821A-59AC4CBBFAB9}"/>
          </ac:spMkLst>
        </pc:spChg>
        <pc:spChg chg="mod">
          <ac:chgData name="Dara Solomon" userId="29161881-c2d9-4a3c-aa6b-da9959b1da38" providerId="ADAL" clId="{198F4064-ACA3-4B64-8E19-64569F04FAFA}" dt="2026-04-13T16:03:29.317" v="852"/>
          <ac:spMkLst>
            <pc:docMk/>
            <pc:sldMk cId="1084749374" sldId="273"/>
            <ac:spMk id="6" creationId="{CFE67C76-0D9B-50E6-A6BE-B820B1732DB8}"/>
          </ac:spMkLst>
        </pc:spChg>
        <pc:spChg chg="mod">
          <ac:chgData name="Dara Solomon" userId="29161881-c2d9-4a3c-aa6b-da9959b1da38" providerId="ADAL" clId="{198F4064-ACA3-4B64-8E19-64569F04FAFA}" dt="2026-04-13T16:03:29.320" v="854"/>
          <ac:spMkLst>
            <pc:docMk/>
            <pc:sldMk cId="1084749374" sldId="273"/>
            <ac:spMk id="7" creationId="{D19E029C-A696-9558-806A-26C33E0B81DC}"/>
          </ac:spMkLst>
        </pc:spChg>
        <pc:spChg chg="mod">
          <ac:chgData name="Dara Solomon" userId="29161881-c2d9-4a3c-aa6b-da9959b1da38" providerId="ADAL" clId="{198F4064-ACA3-4B64-8E19-64569F04FAFA}" dt="2026-04-13T16:03:29.323" v="858"/>
          <ac:spMkLst>
            <pc:docMk/>
            <pc:sldMk cId="1084749374" sldId="273"/>
            <ac:spMk id="8" creationId="{A7740F43-9400-D779-7112-722063F8E624}"/>
          </ac:spMkLst>
        </pc:spChg>
        <pc:spChg chg="mod">
          <ac:chgData name="Dara Solomon" userId="29161881-c2d9-4a3c-aa6b-da9959b1da38" providerId="ADAL" clId="{198F4064-ACA3-4B64-8E19-64569F04FAFA}" dt="2026-04-13T16:03:29.327" v="862"/>
          <ac:spMkLst>
            <pc:docMk/>
            <pc:sldMk cId="1084749374" sldId="273"/>
            <ac:spMk id="10" creationId="{861B8489-7AAD-4517-E585-F4C270B388BD}"/>
          </ac:spMkLst>
        </pc:spChg>
        <pc:spChg chg="mod">
          <ac:chgData name="Dara Solomon" userId="29161881-c2d9-4a3c-aa6b-da9959b1da38" providerId="ADAL" clId="{198F4064-ACA3-4B64-8E19-64569F04FAFA}" dt="2026-04-13T16:03:29.332" v="866"/>
          <ac:spMkLst>
            <pc:docMk/>
            <pc:sldMk cId="1084749374" sldId="273"/>
            <ac:spMk id="12" creationId="{DD20A209-3250-F1E1-B6B1-D3CCB507F9C8}"/>
          </ac:spMkLst>
        </pc:spChg>
        <pc:spChg chg="mod">
          <ac:chgData name="Dara Solomon" userId="29161881-c2d9-4a3c-aa6b-da9959b1da38" providerId="ADAL" clId="{198F4064-ACA3-4B64-8E19-64569F04FAFA}" dt="2026-04-13T16:03:29.336" v="870"/>
          <ac:spMkLst>
            <pc:docMk/>
            <pc:sldMk cId="1084749374" sldId="273"/>
            <ac:spMk id="14" creationId="{89ED6093-CA3E-224B-1228-711DB03D871B}"/>
          </ac:spMkLst>
        </pc:spChg>
        <pc:spChg chg="mod">
          <ac:chgData name="Dara Solomon" userId="29161881-c2d9-4a3c-aa6b-da9959b1da38" providerId="ADAL" clId="{198F4064-ACA3-4B64-8E19-64569F04FAFA}" dt="2026-04-13T16:03:29.340" v="874"/>
          <ac:spMkLst>
            <pc:docMk/>
            <pc:sldMk cId="1084749374" sldId="273"/>
            <ac:spMk id="16" creationId="{C2DB6301-FC73-4D17-F6E1-1506DC0600AA}"/>
          </ac:spMkLst>
        </pc:spChg>
        <pc:spChg chg="mod">
          <ac:chgData name="Dara Solomon" userId="29161881-c2d9-4a3c-aa6b-da9959b1da38" providerId="ADAL" clId="{198F4064-ACA3-4B64-8E19-64569F04FAFA}" dt="2026-04-13T16:03:29.344" v="878"/>
          <ac:spMkLst>
            <pc:docMk/>
            <pc:sldMk cId="1084749374" sldId="273"/>
            <ac:spMk id="18" creationId="{00A44D10-2D16-2D01-F427-0388CFE95CB8}"/>
          </ac:spMkLst>
        </pc:spChg>
        <pc:spChg chg="mod">
          <ac:chgData name="Dara Solomon" userId="29161881-c2d9-4a3c-aa6b-da9959b1da38" providerId="ADAL" clId="{198F4064-ACA3-4B64-8E19-64569F04FAFA}" dt="2026-04-13T16:03:29.349" v="882"/>
          <ac:spMkLst>
            <pc:docMk/>
            <pc:sldMk cId="1084749374" sldId="273"/>
            <ac:spMk id="20" creationId="{12AD262E-5B86-5692-7E68-590D8B2EFE64}"/>
          </ac:spMkLst>
        </pc:spChg>
        <pc:spChg chg="mod">
          <ac:chgData name="Dara Solomon" userId="29161881-c2d9-4a3c-aa6b-da9959b1da38" providerId="ADAL" clId="{198F4064-ACA3-4B64-8E19-64569F04FAFA}" dt="2026-04-13T16:03:29.353" v="886"/>
          <ac:spMkLst>
            <pc:docMk/>
            <pc:sldMk cId="1084749374" sldId="273"/>
            <ac:spMk id="23" creationId="{6F85F4C4-5CE5-F3BC-062A-E0BFCDB5955B}"/>
          </ac:spMkLst>
        </pc:spChg>
        <pc:spChg chg="mod ord">
          <ac:chgData name="Dara Solomon" userId="29161881-c2d9-4a3c-aa6b-da9959b1da38" providerId="ADAL" clId="{198F4064-ACA3-4B64-8E19-64569F04FAFA}" dt="2026-04-13T16:03:30.052" v="1151"/>
          <ac:spMkLst>
            <pc:docMk/>
            <pc:sldMk cId="1084749374" sldId="273"/>
            <ac:spMk id="24" creationId="{87C15645-04FD-989C-40D8-9ED7753707D1}"/>
          </ac:spMkLst>
        </pc:spChg>
        <pc:spChg chg="mod">
          <ac:chgData name="Dara Solomon" userId="29161881-c2d9-4a3c-aa6b-da9959b1da38" providerId="ADAL" clId="{198F4064-ACA3-4B64-8E19-64569F04FAFA}" dt="2026-04-13T16:03:29.611" v="1129"/>
          <ac:spMkLst>
            <pc:docMk/>
            <pc:sldMk cId="1084749374" sldId="273"/>
            <ac:spMk id="26" creationId="{7A0A3E10-8B5E-70A7-DB93-72BBB329824A}"/>
          </ac:spMkLst>
        </pc:spChg>
        <pc:spChg chg="mod">
          <ac:chgData name="Dara Solomon" userId="29161881-c2d9-4a3c-aa6b-da9959b1da38" providerId="ADAL" clId="{198F4064-ACA3-4B64-8E19-64569F04FAFA}" dt="2026-04-13T16:03:29.615" v="1133"/>
          <ac:spMkLst>
            <pc:docMk/>
            <pc:sldMk cId="1084749374" sldId="273"/>
            <ac:spMk id="27" creationId="{C3488AE0-82D4-A696-8E50-CC1496E116CD}"/>
          </ac:spMkLst>
        </pc:spChg>
        <pc:spChg chg="mod">
          <ac:chgData name="Dara Solomon" userId="29161881-c2d9-4a3c-aa6b-da9959b1da38" providerId="ADAL" clId="{198F4064-ACA3-4B64-8E19-64569F04FAFA}" dt="2026-04-13T16:03:29.618" v="1137"/>
          <ac:spMkLst>
            <pc:docMk/>
            <pc:sldMk cId="1084749374" sldId="273"/>
            <ac:spMk id="28" creationId="{64E977A2-2F0C-A0FD-738C-0CCDEE9BBA1C}"/>
          </ac:spMkLst>
        </pc:spChg>
        <pc:spChg chg="mod">
          <ac:chgData name="Dara Solomon" userId="29161881-c2d9-4a3c-aa6b-da9959b1da38" providerId="ADAL" clId="{198F4064-ACA3-4B64-8E19-64569F04FAFA}" dt="2026-04-13T16:03:29.441" v="970"/>
          <ac:spMkLst>
            <pc:docMk/>
            <pc:sldMk cId="1084749374" sldId="273"/>
            <ac:spMk id="64" creationId="{ACC3B5D5-5E3D-E656-2B49-46FABD8DB951}"/>
          </ac:spMkLst>
        </pc:spChg>
        <pc:spChg chg="mod">
          <ac:chgData name="Dara Solomon" userId="29161881-c2d9-4a3c-aa6b-da9959b1da38" providerId="ADAL" clId="{198F4064-ACA3-4B64-8E19-64569F04FAFA}" dt="2026-04-13T16:03:29.446" v="974"/>
          <ac:spMkLst>
            <pc:docMk/>
            <pc:sldMk cId="1084749374" sldId="273"/>
            <ac:spMk id="65" creationId="{2E349771-27B1-3879-C4C7-EE6AC8D43F5C}"/>
          </ac:spMkLst>
        </pc:spChg>
        <pc:spChg chg="mod">
          <ac:chgData name="Dara Solomon" userId="29161881-c2d9-4a3c-aa6b-da9959b1da38" providerId="ADAL" clId="{198F4064-ACA3-4B64-8E19-64569F04FAFA}" dt="2026-04-13T16:03:29.451" v="978"/>
          <ac:spMkLst>
            <pc:docMk/>
            <pc:sldMk cId="1084749374" sldId="273"/>
            <ac:spMk id="69" creationId="{ADDFCC28-786A-C378-CA2A-C783B94F2325}"/>
          </ac:spMkLst>
        </pc:spChg>
        <pc:spChg chg="mod">
          <ac:chgData name="Dara Solomon" userId="29161881-c2d9-4a3c-aa6b-da9959b1da38" providerId="ADAL" clId="{198F4064-ACA3-4B64-8E19-64569F04FAFA}" dt="2026-04-13T16:03:29.363" v="894"/>
          <ac:spMkLst>
            <pc:docMk/>
            <pc:sldMk cId="1084749374" sldId="273"/>
            <ac:spMk id="81" creationId="{6471F37D-C5F2-4BB7-22FF-457F37D27667}"/>
          </ac:spMkLst>
        </pc:spChg>
        <pc:spChg chg="mod">
          <ac:chgData name="Dara Solomon" userId="29161881-c2d9-4a3c-aa6b-da9959b1da38" providerId="ADAL" clId="{198F4064-ACA3-4B64-8E19-64569F04FAFA}" dt="2026-04-13T16:03:29.381" v="910"/>
          <ac:spMkLst>
            <pc:docMk/>
            <pc:sldMk cId="1084749374" sldId="273"/>
            <ac:spMk id="102" creationId="{6D27A163-B8D7-635F-1488-1084CCF98FE1}"/>
          </ac:spMkLst>
        </pc:spChg>
        <pc:spChg chg="mod">
          <ac:chgData name="Dara Solomon" userId="29161881-c2d9-4a3c-aa6b-da9959b1da38" providerId="ADAL" clId="{198F4064-ACA3-4B64-8E19-64569F04FAFA}" dt="2026-04-13T16:03:29.384" v="914"/>
          <ac:spMkLst>
            <pc:docMk/>
            <pc:sldMk cId="1084749374" sldId="273"/>
            <ac:spMk id="103" creationId="{A317A4CC-11D5-FB76-0AEF-C06146279DA0}"/>
          </ac:spMkLst>
        </pc:spChg>
        <pc:spChg chg="mod">
          <ac:chgData name="Dara Solomon" userId="29161881-c2d9-4a3c-aa6b-da9959b1da38" providerId="ADAL" clId="{198F4064-ACA3-4B64-8E19-64569F04FAFA}" dt="2026-04-13T16:03:29.387" v="918"/>
          <ac:spMkLst>
            <pc:docMk/>
            <pc:sldMk cId="1084749374" sldId="273"/>
            <ac:spMk id="104" creationId="{9B9A49E5-368C-212B-D502-01D3FE3615A7}"/>
          </ac:spMkLst>
        </pc:spChg>
        <pc:spChg chg="mod">
          <ac:chgData name="Dara Solomon" userId="29161881-c2d9-4a3c-aa6b-da9959b1da38" providerId="ADAL" clId="{198F4064-ACA3-4B64-8E19-64569F04FAFA}" dt="2026-04-13T16:03:29.479" v="1006"/>
          <ac:spMkLst>
            <pc:docMk/>
            <pc:sldMk cId="1084749374" sldId="273"/>
            <ac:spMk id="120" creationId="{72603BE3-EC6E-F559-DEB8-3D584EB4E2BA}"/>
          </ac:spMkLst>
        </pc:spChg>
        <pc:spChg chg="mod">
          <ac:chgData name="Dara Solomon" userId="29161881-c2d9-4a3c-aa6b-da9959b1da38" providerId="ADAL" clId="{198F4064-ACA3-4B64-8E19-64569F04FAFA}" dt="2026-04-13T16:03:29.482" v="1010"/>
          <ac:spMkLst>
            <pc:docMk/>
            <pc:sldMk cId="1084749374" sldId="273"/>
            <ac:spMk id="121" creationId="{A4746CB2-FD8A-27AD-CD53-4F0AD385DDA6}"/>
          </ac:spMkLst>
        </pc:spChg>
        <pc:spChg chg="mod">
          <ac:chgData name="Dara Solomon" userId="29161881-c2d9-4a3c-aa6b-da9959b1da38" providerId="ADAL" clId="{198F4064-ACA3-4B64-8E19-64569F04FAFA}" dt="2026-04-13T16:03:29.485" v="1014"/>
          <ac:spMkLst>
            <pc:docMk/>
            <pc:sldMk cId="1084749374" sldId="273"/>
            <ac:spMk id="122" creationId="{9F65DAA0-2E54-95A5-B7E3-A07D23A71E49}"/>
          </ac:spMkLst>
        </pc:spChg>
        <pc:spChg chg="mod">
          <ac:chgData name="Dara Solomon" userId="29161881-c2d9-4a3c-aa6b-da9959b1da38" providerId="ADAL" clId="{198F4064-ACA3-4B64-8E19-64569F04FAFA}" dt="2026-04-13T16:03:29.492" v="1018"/>
          <ac:spMkLst>
            <pc:docMk/>
            <pc:sldMk cId="1084749374" sldId="273"/>
            <ac:spMk id="126" creationId="{48BA913A-2286-FAF3-6EE1-5F2B5B52CB09}"/>
          </ac:spMkLst>
        </pc:spChg>
        <pc:spChg chg="mod">
          <ac:chgData name="Dara Solomon" userId="29161881-c2d9-4a3c-aa6b-da9959b1da38" providerId="ADAL" clId="{198F4064-ACA3-4B64-8E19-64569F04FAFA}" dt="2026-04-13T16:03:29.497" v="1022"/>
          <ac:spMkLst>
            <pc:docMk/>
            <pc:sldMk cId="1084749374" sldId="273"/>
            <ac:spMk id="127" creationId="{6EB198DE-E508-AEBB-953D-43B50C5596BA}"/>
          </ac:spMkLst>
        </pc:spChg>
        <pc:spChg chg="mod">
          <ac:chgData name="Dara Solomon" userId="29161881-c2d9-4a3c-aa6b-da9959b1da38" providerId="ADAL" clId="{198F4064-ACA3-4B64-8E19-64569F04FAFA}" dt="2026-04-13T16:03:29.499" v="1026"/>
          <ac:spMkLst>
            <pc:docMk/>
            <pc:sldMk cId="1084749374" sldId="273"/>
            <ac:spMk id="128" creationId="{AF66C054-B80F-751D-BDA7-8D0AE2A6425E}"/>
          </ac:spMkLst>
        </pc:spChg>
        <pc:spChg chg="mod">
          <ac:chgData name="Dara Solomon" userId="29161881-c2d9-4a3c-aa6b-da9959b1da38" providerId="ADAL" clId="{198F4064-ACA3-4B64-8E19-64569F04FAFA}" dt="2026-04-13T16:03:29.533" v="1057"/>
          <ac:spMkLst>
            <pc:docMk/>
            <pc:sldMk cId="1084749374" sldId="273"/>
            <ac:spMk id="129" creationId="{CE845062-8947-6875-52C5-BE31FDD7CB17}"/>
          </ac:spMkLst>
        </pc:spChg>
        <pc:spChg chg="mod">
          <ac:chgData name="Dara Solomon" userId="29161881-c2d9-4a3c-aa6b-da9959b1da38" providerId="ADAL" clId="{198F4064-ACA3-4B64-8E19-64569F04FAFA}" dt="2026-04-13T16:03:29.537" v="1061"/>
          <ac:spMkLst>
            <pc:docMk/>
            <pc:sldMk cId="1084749374" sldId="273"/>
            <ac:spMk id="130" creationId="{90133378-128B-C21E-3BA2-7A43B266E00F}"/>
          </ac:spMkLst>
        </pc:spChg>
        <pc:spChg chg="mod">
          <ac:chgData name="Dara Solomon" userId="29161881-c2d9-4a3c-aa6b-da9959b1da38" providerId="ADAL" clId="{198F4064-ACA3-4B64-8E19-64569F04FAFA}" dt="2026-04-13T16:03:29.539" v="1065"/>
          <ac:spMkLst>
            <pc:docMk/>
            <pc:sldMk cId="1084749374" sldId="273"/>
            <ac:spMk id="131" creationId="{614E593A-6F9E-A034-A955-CF9211DBFE92}"/>
          </ac:spMkLst>
        </pc:spChg>
        <pc:spChg chg="mod">
          <ac:chgData name="Dara Solomon" userId="29161881-c2d9-4a3c-aa6b-da9959b1da38" providerId="ADAL" clId="{198F4064-ACA3-4B64-8E19-64569F04FAFA}" dt="2026-04-13T16:03:29.548" v="1069"/>
          <ac:spMkLst>
            <pc:docMk/>
            <pc:sldMk cId="1084749374" sldId="273"/>
            <ac:spMk id="135" creationId="{747D4192-2215-F9DF-39C7-1BC7EBAB18C6}"/>
          </ac:spMkLst>
        </pc:spChg>
        <pc:spChg chg="mod">
          <ac:chgData name="Dara Solomon" userId="29161881-c2d9-4a3c-aa6b-da9959b1da38" providerId="ADAL" clId="{198F4064-ACA3-4B64-8E19-64569F04FAFA}" dt="2026-04-13T16:03:29.551" v="1073"/>
          <ac:spMkLst>
            <pc:docMk/>
            <pc:sldMk cId="1084749374" sldId="273"/>
            <ac:spMk id="136" creationId="{C9CA7572-9DBD-96B5-3C0C-FA28433EECA4}"/>
          </ac:spMkLst>
        </pc:spChg>
        <pc:spChg chg="mod">
          <ac:chgData name="Dara Solomon" userId="29161881-c2d9-4a3c-aa6b-da9959b1da38" providerId="ADAL" clId="{198F4064-ACA3-4B64-8E19-64569F04FAFA}" dt="2026-04-13T16:03:29.554" v="1077"/>
          <ac:spMkLst>
            <pc:docMk/>
            <pc:sldMk cId="1084749374" sldId="273"/>
            <ac:spMk id="137" creationId="{A4B33A43-C17A-FBA6-D9EB-7781FF2C0AE9}"/>
          </ac:spMkLst>
        </pc:spChg>
        <pc:spChg chg="mod">
          <ac:chgData name="Dara Solomon" userId="29161881-c2d9-4a3c-aa6b-da9959b1da38" providerId="ADAL" clId="{198F4064-ACA3-4B64-8E19-64569F04FAFA}" dt="2026-04-13T16:03:29.406" v="934"/>
          <ac:spMkLst>
            <pc:docMk/>
            <pc:sldMk cId="1084749374" sldId="273"/>
            <ac:spMk id="174" creationId="{7C69D039-8F3E-CCA0-1B7A-52B8FAC5318F}"/>
          </ac:spMkLst>
        </pc:spChg>
        <pc:spChg chg="mod">
          <ac:chgData name="Dara Solomon" userId="29161881-c2d9-4a3c-aa6b-da9959b1da38" providerId="ADAL" clId="{198F4064-ACA3-4B64-8E19-64569F04FAFA}" dt="2026-04-13T16:03:29.409" v="938"/>
          <ac:spMkLst>
            <pc:docMk/>
            <pc:sldMk cId="1084749374" sldId="273"/>
            <ac:spMk id="175" creationId="{A85ECC36-74BA-1986-A986-8FD5FCA9924D}"/>
          </ac:spMkLst>
        </pc:spChg>
        <pc:spChg chg="mod">
          <ac:chgData name="Dara Solomon" userId="29161881-c2d9-4a3c-aa6b-da9959b1da38" providerId="ADAL" clId="{198F4064-ACA3-4B64-8E19-64569F04FAFA}" dt="2026-04-13T16:03:29.413" v="942"/>
          <ac:spMkLst>
            <pc:docMk/>
            <pc:sldMk cId="1084749374" sldId="273"/>
            <ac:spMk id="176" creationId="{1E7837D5-280A-8BBF-FF5B-AE400535B471}"/>
          </ac:spMkLst>
        </pc:spChg>
        <pc:spChg chg="mod">
          <ac:chgData name="Dara Solomon" userId="29161881-c2d9-4a3c-aa6b-da9959b1da38" providerId="ADAL" clId="{198F4064-ACA3-4B64-8E19-64569F04FAFA}" dt="2026-04-13T16:03:29.417" v="946"/>
          <ac:spMkLst>
            <pc:docMk/>
            <pc:sldMk cId="1084749374" sldId="273"/>
            <ac:spMk id="183" creationId="{CAA744AD-80B9-5727-C968-B36F2E719E73}"/>
          </ac:spMkLst>
        </pc:spChg>
        <pc:spChg chg="mod">
          <ac:chgData name="Dara Solomon" userId="29161881-c2d9-4a3c-aa6b-da9959b1da38" providerId="ADAL" clId="{198F4064-ACA3-4B64-8E19-64569F04FAFA}" dt="2026-04-13T16:03:29.420" v="950"/>
          <ac:spMkLst>
            <pc:docMk/>
            <pc:sldMk cId="1084749374" sldId="273"/>
            <ac:spMk id="184" creationId="{B5364027-05FD-D7B6-D05C-D38BB291E88F}"/>
          </ac:spMkLst>
        </pc:spChg>
        <pc:spChg chg="mod">
          <ac:chgData name="Dara Solomon" userId="29161881-c2d9-4a3c-aa6b-da9959b1da38" providerId="ADAL" clId="{198F4064-ACA3-4B64-8E19-64569F04FAFA}" dt="2026-04-13T16:03:29.425" v="954"/>
          <ac:spMkLst>
            <pc:docMk/>
            <pc:sldMk cId="1084749374" sldId="273"/>
            <ac:spMk id="185" creationId="{6D1A193B-241F-9DBE-C2F6-6B44F06F26D5}"/>
          </ac:spMkLst>
        </pc:spChg>
        <pc:spChg chg="mod">
          <ac:chgData name="Dara Solomon" userId="29161881-c2d9-4a3c-aa6b-da9959b1da38" providerId="ADAL" clId="{198F4064-ACA3-4B64-8E19-64569F04FAFA}" dt="2026-04-13T16:03:29.429" v="958"/>
          <ac:spMkLst>
            <pc:docMk/>
            <pc:sldMk cId="1084749374" sldId="273"/>
            <ac:spMk id="192" creationId="{57902457-73E9-8B03-F508-37959B560A78}"/>
          </ac:spMkLst>
        </pc:spChg>
        <pc:spChg chg="mod">
          <ac:chgData name="Dara Solomon" userId="29161881-c2d9-4a3c-aa6b-da9959b1da38" providerId="ADAL" clId="{198F4064-ACA3-4B64-8E19-64569F04FAFA}" dt="2026-04-13T16:03:29.433" v="962"/>
          <ac:spMkLst>
            <pc:docMk/>
            <pc:sldMk cId="1084749374" sldId="273"/>
            <ac:spMk id="193" creationId="{F930EC1D-39E1-A7D4-56B2-A3B5B67638E8}"/>
          </ac:spMkLst>
        </pc:spChg>
        <pc:spChg chg="mod">
          <ac:chgData name="Dara Solomon" userId="29161881-c2d9-4a3c-aa6b-da9959b1da38" providerId="ADAL" clId="{198F4064-ACA3-4B64-8E19-64569F04FAFA}" dt="2026-04-13T16:03:29.437" v="966"/>
          <ac:spMkLst>
            <pc:docMk/>
            <pc:sldMk cId="1084749374" sldId="273"/>
            <ac:spMk id="194" creationId="{95C6C8FE-5E3F-2694-241A-20D7090E5EBF}"/>
          </ac:spMkLst>
        </pc:spChg>
        <pc:spChg chg="mod">
          <ac:chgData name="Dara Solomon" userId="29161881-c2d9-4a3c-aa6b-da9959b1da38" providerId="ADAL" clId="{198F4064-ACA3-4B64-8E19-64569F04FAFA}" dt="2026-04-13T16:03:29.586" v="1105"/>
          <ac:spMkLst>
            <pc:docMk/>
            <pc:sldMk cId="1084749374" sldId="273"/>
            <ac:spMk id="210" creationId="{A81FDC58-0385-5BF1-23B9-F98923D0E2B3}"/>
          </ac:spMkLst>
        </pc:spChg>
        <pc:spChg chg="mod">
          <ac:chgData name="Dara Solomon" userId="29161881-c2d9-4a3c-aa6b-da9959b1da38" providerId="ADAL" clId="{198F4064-ACA3-4B64-8E19-64569F04FAFA}" dt="2026-04-13T16:03:29.589" v="1109"/>
          <ac:spMkLst>
            <pc:docMk/>
            <pc:sldMk cId="1084749374" sldId="273"/>
            <ac:spMk id="211" creationId="{DA8DF0AC-6094-AE1D-6B16-BC90E551E88A}"/>
          </ac:spMkLst>
        </pc:spChg>
        <pc:spChg chg="mod">
          <ac:chgData name="Dara Solomon" userId="29161881-c2d9-4a3c-aa6b-da9959b1da38" providerId="ADAL" clId="{198F4064-ACA3-4B64-8E19-64569F04FAFA}" dt="2026-04-13T16:03:29.591" v="1113"/>
          <ac:spMkLst>
            <pc:docMk/>
            <pc:sldMk cId="1084749374" sldId="273"/>
            <ac:spMk id="212" creationId="{E4D5A1EE-C6D5-D956-7A31-6E1571DE69E0}"/>
          </ac:spMkLst>
        </pc:spChg>
        <pc:spChg chg="mod">
          <ac:chgData name="Dara Solomon" userId="29161881-c2d9-4a3c-aa6b-da9959b1da38" providerId="ADAL" clId="{198F4064-ACA3-4B64-8E19-64569F04FAFA}" dt="2026-04-13T16:03:29.601" v="1117"/>
          <ac:spMkLst>
            <pc:docMk/>
            <pc:sldMk cId="1084749374" sldId="273"/>
            <ac:spMk id="216" creationId="{E8CD701D-744A-83D0-EAA2-9B5ACF0F5984}"/>
          </ac:spMkLst>
        </pc:spChg>
        <pc:spChg chg="mod">
          <ac:chgData name="Dara Solomon" userId="29161881-c2d9-4a3c-aa6b-da9959b1da38" providerId="ADAL" clId="{198F4064-ACA3-4B64-8E19-64569F04FAFA}" dt="2026-04-13T16:03:29.604" v="1121"/>
          <ac:spMkLst>
            <pc:docMk/>
            <pc:sldMk cId="1084749374" sldId="273"/>
            <ac:spMk id="217" creationId="{A3D96814-19C2-C14F-A62E-9E784030B731}"/>
          </ac:spMkLst>
        </pc:spChg>
        <pc:spChg chg="mod">
          <ac:chgData name="Dara Solomon" userId="29161881-c2d9-4a3c-aa6b-da9959b1da38" providerId="ADAL" clId="{198F4064-ACA3-4B64-8E19-64569F04FAFA}" dt="2026-04-13T16:03:29.607" v="1125"/>
          <ac:spMkLst>
            <pc:docMk/>
            <pc:sldMk cId="1084749374" sldId="273"/>
            <ac:spMk id="218" creationId="{CCFC08FD-69F4-15F8-3657-846E29E905E3}"/>
          </ac:spMkLst>
        </pc:spChg>
        <pc:spChg chg="mod">
          <ac:chgData name="Dara Solomon" userId="29161881-c2d9-4a3c-aa6b-da9959b1da38" providerId="ADAL" clId="{198F4064-ACA3-4B64-8E19-64569F04FAFA}" dt="2026-04-13T16:03:29.504" v="1030"/>
          <ac:spMkLst>
            <pc:docMk/>
            <pc:sldMk cId="1084749374" sldId="273"/>
            <ac:spMk id="219" creationId="{530E91CA-C52A-16B9-B477-9D9CF459A51B}"/>
          </ac:spMkLst>
        </pc:spChg>
        <pc:spChg chg="mod">
          <ac:chgData name="Dara Solomon" userId="29161881-c2d9-4a3c-aa6b-da9959b1da38" providerId="ADAL" clId="{198F4064-ACA3-4B64-8E19-64569F04FAFA}" dt="2026-04-13T16:03:29.509" v="1036"/>
          <ac:spMkLst>
            <pc:docMk/>
            <pc:sldMk cId="1084749374" sldId="273"/>
            <ac:spMk id="220" creationId="{848824FD-565C-CE4B-E7AB-99C78D705360}"/>
          </ac:spMkLst>
        </pc:spChg>
        <pc:spChg chg="mod">
          <ac:chgData name="Dara Solomon" userId="29161881-c2d9-4a3c-aa6b-da9959b1da38" providerId="ADAL" clId="{198F4064-ACA3-4B64-8E19-64569F04FAFA}" dt="2026-04-13T16:03:29.511" v="1040"/>
          <ac:spMkLst>
            <pc:docMk/>
            <pc:sldMk cId="1084749374" sldId="273"/>
            <ac:spMk id="221" creationId="{79860426-E1C0-0D63-A5A5-712B6CB2D268}"/>
          </ac:spMkLst>
        </pc:spChg>
        <pc:spChg chg="mod">
          <ac:chgData name="Dara Solomon" userId="29161881-c2d9-4a3c-aa6b-da9959b1da38" providerId="ADAL" clId="{198F4064-ACA3-4B64-8E19-64569F04FAFA}" dt="2026-04-13T16:03:29.529" v="1053" actId="20577"/>
          <ac:spMkLst>
            <pc:docMk/>
            <pc:sldMk cId="1084749374" sldId="273"/>
            <ac:spMk id="222" creationId="{421DAE39-9ABD-44D5-7895-4D4D804BBBAC}"/>
          </ac:spMkLst>
        </pc:spChg>
        <pc:spChg chg="mod">
          <ac:chgData name="Dara Solomon" userId="29161881-c2d9-4a3c-aa6b-da9959b1da38" providerId="ADAL" clId="{198F4064-ACA3-4B64-8E19-64569F04FAFA}" dt="2026-04-13T16:03:29.520" v="1044"/>
          <ac:spMkLst>
            <pc:docMk/>
            <pc:sldMk cId="1084749374" sldId="273"/>
            <ac:spMk id="225" creationId="{0FFDEF0F-B556-500C-2DF4-D851B784E387}"/>
          </ac:spMkLst>
        </pc:spChg>
        <pc:spChg chg="mod">
          <ac:chgData name="Dara Solomon" userId="29161881-c2d9-4a3c-aa6b-da9959b1da38" providerId="ADAL" clId="{198F4064-ACA3-4B64-8E19-64569F04FAFA}" dt="2026-04-13T16:03:29.523" v="1048"/>
          <ac:spMkLst>
            <pc:docMk/>
            <pc:sldMk cId="1084749374" sldId="273"/>
            <ac:spMk id="226" creationId="{87402951-6B7E-4259-F374-A88301291654}"/>
          </ac:spMkLst>
        </pc:spChg>
        <pc:spChg chg="mod">
          <ac:chgData name="Dara Solomon" userId="29161881-c2d9-4a3c-aa6b-da9959b1da38" providerId="ADAL" clId="{198F4064-ACA3-4B64-8E19-64569F04FAFA}" dt="2026-04-13T16:03:29.526" v="1052"/>
          <ac:spMkLst>
            <pc:docMk/>
            <pc:sldMk cId="1084749374" sldId="273"/>
            <ac:spMk id="227" creationId="{E844A049-E770-6A15-E5AE-1105A4E9D281}"/>
          </ac:spMkLst>
        </pc:spChg>
        <pc:spChg chg="mod">
          <ac:chgData name="Dara Solomon" userId="29161881-c2d9-4a3c-aa6b-da9959b1da38" providerId="ADAL" clId="{198F4064-ACA3-4B64-8E19-64569F04FAFA}" dt="2026-04-13T16:03:29.453" v="982"/>
          <ac:spMkLst>
            <pc:docMk/>
            <pc:sldMk cId="1084749374" sldId="273"/>
            <ac:spMk id="228" creationId="{7637719C-3D6B-F4EB-C0F3-FFA5775E6DF8}"/>
          </ac:spMkLst>
        </pc:spChg>
        <pc:spChg chg="mod">
          <ac:chgData name="Dara Solomon" userId="29161881-c2d9-4a3c-aa6b-da9959b1da38" providerId="ADAL" clId="{198F4064-ACA3-4B64-8E19-64569F04FAFA}" dt="2026-04-13T16:03:29.456" v="986"/>
          <ac:spMkLst>
            <pc:docMk/>
            <pc:sldMk cId="1084749374" sldId="273"/>
            <ac:spMk id="229" creationId="{EE8108D5-78A0-156E-295C-39363169D672}"/>
          </ac:spMkLst>
        </pc:spChg>
        <pc:spChg chg="mod">
          <ac:chgData name="Dara Solomon" userId="29161881-c2d9-4a3c-aa6b-da9959b1da38" providerId="ADAL" clId="{198F4064-ACA3-4B64-8E19-64569F04FAFA}" dt="2026-04-13T16:03:29.459" v="990"/>
          <ac:spMkLst>
            <pc:docMk/>
            <pc:sldMk cId="1084749374" sldId="273"/>
            <ac:spMk id="230" creationId="{19FEE17C-03FF-BDD4-24B0-F149D02D1BAE}"/>
          </ac:spMkLst>
        </pc:spChg>
        <pc:spChg chg="mod">
          <ac:chgData name="Dara Solomon" userId="29161881-c2d9-4a3c-aa6b-da9959b1da38" providerId="ADAL" clId="{198F4064-ACA3-4B64-8E19-64569F04FAFA}" dt="2026-04-13T16:03:29.468" v="994"/>
          <ac:spMkLst>
            <pc:docMk/>
            <pc:sldMk cId="1084749374" sldId="273"/>
            <ac:spMk id="234" creationId="{836B1681-6913-EC8F-B0A5-49CC19FDFCA6}"/>
          </ac:spMkLst>
        </pc:spChg>
        <pc:spChg chg="mod">
          <ac:chgData name="Dara Solomon" userId="29161881-c2d9-4a3c-aa6b-da9959b1da38" providerId="ADAL" clId="{198F4064-ACA3-4B64-8E19-64569F04FAFA}" dt="2026-04-13T16:03:29.471" v="998"/>
          <ac:spMkLst>
            <pc:docMk/>
            <pc:sldMk cId="1084749374" sldId="273"/>
            <ac:spMk id="235" creationId="{268EF9F8-3346-19E5-FB68-0045009019D4}"/>
          </ac:spMkLst>
        </pc:spChg>
        <pc:spChg chg="mod">
          <ac:chgData name="Dara Solomon" userId="29161881-c2d9-4a3c-aa6b-da9959b1da38" providerId="ADAL" clId="{198F4064-ACA3-4B64-8E19-64569F04FAFA}" dt="2026-04-13T16:03:29.475" v="1002"/>
          <ac:spMkLst>
            <pc:docMk/>
            <pc:sldMk cId="1084749374" sldId="273"/>
            <ac:spMk id="236" creationId="{DB65E12D-95C9-14B3-79EE-736E7BC785F6}"/>
          </ac:spMkLst>
        </pc:spChg>
        <pc:spChg chg="mod">
          <ac:chgData name="Dara Solomon" userId="29161881-c2d9-4a3c-aa6b-da9959b1da38" providerId="ADAL" clId="{198F4064-ACA3-4B64-8E19-64569F04FAFA}" dt="2026-04-13T16:03:29.558" v="1081"/>
          <ac:spMkLst>
            <pc:docMk/>
            <pc:sldMk cId="1084749374" sldId="273"/>
            <ac:spMk id="237" creationId="{6C04A418-D011-4425-AC0C-19FD420A0FA8}"/>
          </ac:spMkLst>
        </pc:spChg>
        <pc:spChg chg="mod">
          <ac:chgData name="Dara Solomon" userId="29161881-c2d9-4a3c-aa6b-da9959b1da38" providerId="ADAL" clId="{198F4064-ACA3-4B64-8E19-64569F04FAFA}" dt="2026-04-13T16:03:29.561" v="1085"/>
          <ac:spMkLst>
            <pc:docMk/>
            <pc:sldMk cId="1084749374" sldId="273"/>
            <ac:spMk id="238" creationId="{756DA192-502D-45F6-0E6B-8B4A667F6D4E}"/>
          </ac:spMkLst>
        </pc:spChg>
        <pc:spChg chg="mod">
          <ac:chgData name="Dara Solomon" userId="29161881-c2d9-4a3c-aa6b-da9959b1da38" providerId="ADAL" clId="{198F4064-ACA3-4B64-8E19-64569F04FAFA}" dt="2026-04-13T16:03:29.565" v="1089"/>
          <ac:spMkLst>
            <pc:docMk/>
            <pc:sldMk cId="1084749374" sldId="273"/>
            <ac:spMk id="239" creationId="{F2999E1F-4C0E-4AFC-6223-F2C0855F0417}"/>
          </ac:spMkLst>
        </pc:spChg>
        <pc:spChg chg="mod">
          <ac:chgData name="Dara Solomon" userId="29161881-c2d9-4a3c-aa6b-da9959b1da38" providerId="ADAL" clId="{198F4064-ACA3-4B64-8E19-64569F04FAFA}" dt="2026-04-13T16:03:02.050" v="734"/>
          <ac:spMkLst>
            <pc:docMk/>
            <pc:sldMk cId="1084749374" sldId="273"/>
            <ac:spMk id="240" creationId="{88E45FD8-0970-6744-E408-09AA5DEF8413}"/>
          </ac:spMkLst>
        </pc:spChg>
        <pc:spChg chg="mod">
          <ac:chgData name="Dara Solomon" userId="29161881-c2d9-4a3c-aa6b-da9959b1da38" providerId="ADAL" clId="{198F4064-ACA3-4B64-8E19-64569F04FAFA}" dt="2026-04-13T16:03:29.574" v="1093"/>
          <ac:spMkLst>
            <pc:docMk/>
            <pc:sldMk cId="1084749374" sldId="273"/>
            <ac:spMk id="243" creationId="{A46A1207-E141-C4C2-BE08-DA39EE206019}"/>
          </ac:spMkLst>
        </pc:spChg>
        <pc:spChg chg="mod">
          <ac:chgData name="Dara Solomon" userId="29161881-c2d9-4a3c-aa6b-da9959b1da38" providerId="ADAL" clId="{198F4064-ACA3-4B64-8E19-64569F04FAFA}" dt="2026-04-13T16:03:29.577" v="1097"/>
          <ac:spMkLst>
            <pc:docMk/>
            <pc:sldMk cId="1084749374" sldId="273"/>
            <ac:spMk id="244" creationId="{61A8A9A0-8D7F-9E1D-77A6-82A534350850}"/>
          </ac:spMkLst>
        </pc:spChg>
        <pc:spChg chg="mod">
          <ac:chgData name="Dara Solomon" userId="29161881-c2d9-4a3c-aa6b-da9959b1da38" providerId="ADAL" clId="{198F4064-ACA3-4B64-8E19-64569F04FAFA}" dt="2026-04-13T16:03:29.581" v="1101"/>
          <ac:spMkLst>
            <pc:docMk/>
            <pc:sldMk cId="1084749374" sldId="273"/>
            <ac:spMk id="245" creationId="{3B148695-4916-AC66-B448-C9B0E301F6BC}"/>
          </ac:spMkLst>
        </pc:spChg>
        <pc:spChg chg="mod">
          <ac:chgData name="Dara Solomon" userId="29161881-c2d9-4a3c-aa6b-da9959b1da38" providerId="ADAL" clId="{198F4064-ACA3-4B64-8E19-64569F04FAFA}" dt="2026-04-13T16:03:29.629" v="1141"/>
          <ac:spMkLst>
            <pc:docMk/>
            <pc:sldMk cId="1084749374" sldId="273"/>
            <ac:spMk id="246" creationId="{157BA47D-06E3-5C2E-188B-28C30A19FC39}"/>
          </ac:spMkLst>
        </pc:spChg>
        <pc:spChg chg="mod">
          <ac:chgData name="Dara Solomon" userId="29161881-c2d9-4a3c-aa6b-da9959b1da38" providerId="ADAL" clId="{198F4064-ACA3-4B64-8E19-64569F04FAFA}" dt="2026-04-13T16:03:29.357" v="890"/>
          <ac:spMkLst>
            <pc:docMk/>
            <pc:sldMk cId="1084749374" sldId="273"/>
            <ac:spMk id="247" creationId="{0E2E9301-8233-FDC1-7E15-C0BDFE243F90}"/>
          </ac:spMkLst>
        </pc:spChg>
        <pc:spChg chg="mod">
          <ac:chgData name="Dara Solomon" userId="29161881-c2d9-4a3c-aa6b-da9959b1da38" providerId="ADAL" clId="{198F4064-ACA3-4B64-8E19-64569F04FAFA}" dt="2026-04-13T16:03:29.636" v="1149"/>
          <ac:spMkLst>
            <pc:docMk/>
            <pc:sldMk cId="1084749374" sldId="273"/>
            <ac:spMk id="248" creationId="{D7FE4F32-0BC3-83AA-2A58-C6DD662C3E82}"/>
          </ac:spMkLst>
        </pc:spChg>
        <pc:spChg chg="mod">
          <ac:chgData name="Dara Solomon" userId="29161881-c2d9-4a3c-aa6b-da9959b1da38" providerId="ADAL" clId="{198F4064-ACA3-4B64-8E19-64569F04FAFA}" dt="2026-04-13T16:03:29.633" v="1145"/>
          <ac:spMkLst>
            <pc:docMk/>
            <pc:sldMk cId="1084749374" sldId="273"/>
            <ac:spMk id="249" creationId="{F4B66697-1D8B-FB09-7C0F-AEB740BC86D6}"/>
          </ac:spMkLst>
        </pc:spChg>
        <pc:spChg chg="mod ord">
          <ac:chgData name="Dara Solomon" userId="29161881-c2d9-4a3c-aa6b-da9959b1da38" providerId="ADAL" clId="{198F4064-ACA3-4B64-8E19-64569F04FAFA}" dt="2026-04-13T16:03:30.053" v="1153"/>
          <ac:spMkLst>
            <pc:docMk/>
            <pc:sldMk cId="1084749374" sldId="273"/>
            <ac:spMk id="348" creationId="{23478562-5956-3C7A-B2C1-F17A8DADC4B7}"/>
          </ac:spMkLst>
        </pc:spChg>
        <pc:spChg chg="mod">
          <ac:chgData name="Dara Solomon" userId="29161881-c2d9-4a3c-aa6b-da9959b1da38" providerId="ADAL" clId="{198F4064-ACA3-4B64-8E19-64569F04FAFA}" dt="2026-04-13T16:03:29.368" v="898"/>
          <ac:spMkLst>
            <pc:docMk/>
            <pc:sldMk cId="1084749374" sldId="273"/>
            <ac:spMk id="533" creationId="{71B7CE99-2DDD-9135-1D2F-E8515B3BA6DE}"/>
          </ac:spMkLst>
        </pc:spChg>
        <pc:spChg chg="mod">
          <ac:chgData name="Dara Solomon" userId="29161881-c2d9-4a3c-aa6b-da9959b1da38" providerId="ADAL" clId="{198F4064-ACA3-4B64-8E19-64569F04FAFA}" dt="2026-04-13T16:03:29.371" v="902"/>
          <ac:spMkLst>
            <pc:docMk/>
            <pc:sldMk cId="1084749374" sldId="273"/>
            <ac:spMk id="534" creationId="{026A1807-AA52-51E6-7A6C-9E1AEBFA11E9}"/>
          </ac:spMkLst>
        </pc:spChg>
        <pc:spChg chg="mod">
          <ac:chgData name="Dara Solomon" userId="29161881-c2d9-4a3c-aa6b-da9959b1da38" providerId="ADAL" clId="{198F4064-ACA3-4B64-8E19-64569F04FAFA}" dt="2026-04-13T16:03:29.376" v="906"/>
          <ac:spMkLst>
            <pc:docMk/>
            <pc:sldMk cId="1084749374" sldId="273"/>
            <ac:spMk id="535" creationId="{1E797F46-74C5-BF28-467E-4FFEBCB324F1}"/>
          </ac:spMkLst>
        </pc:spChg>
        <pc:spChg chg="mod">
          <ac:chgData name="Dara Solomon" userId="29161881-c2d9-4a3c-aa6b-da9959b1da38" providerId="ADAL" clId="{198F4064-ACA3-4B64-8E19-64569F04FAFA}" dt="2026-04-13T16:03:29.393" v="922"/>
          <ac:spMkLst>
            <pc:docMk/>
            <pc:sldMk cId="1084749374" sldId="273"/>
            <ac:spMk id="536" creationId="{9C7FA36E-C48F-99CE-3697-64975243DDB6}"/>
          </ac:spMkLst>
        </pc:spChg>
        <pc:spChg chg="mod">
          <ac:chgData name="Dara Solomon" userId="29161881-c2d9-4a3c-aa6b-da9959b1da38" providerId="ADAL" clId="{198F4064-ACA3-4B64-8E19-64569F04FAFA}" dt="2026-04-13T16:03:29.397" v="926"/>
          <ac:spMkLst>
            <pc:docMk/>
            <pc:sldMk cId="1084749374" sldId="273"/>
            <ac:spMk id="537" creationId="{CFD89873-574C-4CC7-5F1F-7C341FC6A467}"/>
          </ac:spMkLst>
        </pc:spChg>
        <pc:spChg chg="mod">
          <ac:chgData name="Dara Solomon" userId="29161881-c2d9-4a3c-aa6b-da9959b1da38" providerId="ADAL" clId="{198F4064-ACA3-4B64-8E19-64569F04FAFA}" dt="2026-04-13T16:03:29.402" v="930"/>
          <ac:spMkLst>
            <pc:docMk/>
            <pc:sldMk cId="1084749374" sldId="273"/>
            <ac:spMk id="538" creationId="{E805FE71-E061-62B9-43F2-1E9B18BEE797}"/>
          </ac:spMkLst>
        </pc:spChg>
        <pc:cxnChg chg="mod">
          <ac:chgData name="Dara Solomon" userId="29161881-c2d9-4a3c-aa6b-da9959b1da38" providerId="ADAL" clId="{198F4064-ACA3-4B64-8E19-64569F04FAFA}" dt="2026-04-13T16:03:01.517" v="117" actId="1582"/>
          <ac:cxnSpMkLst>
            <pc:docMk/>
            <pc:sldMk cId="1084749374" sldId="273"/>
            <ac:cxnSpMk id="9" creationId="{CFA6057A-3337-5C7B-D61E-E3E7988F7DE8}"/>
          </ac:cxnSpMkLst>
        </pc:cxnChg>
        <pc:cxnChg chg="mod">
          <ac:chgData name="Dara Solomon" userId="29161881-c2d9-4a3c-aa6b-da9959b1da38" providerId="ADAL" clId="{198F4064-ACA3-4B64-8E19-64569F04FAFA}" dt="2026-04-13T16:03:01.534" v="139" actId="1582"/>
          <ac:cxnSpMkLst>
            <pc:docMk/>
            <pc:sldMk cId="1084749374" sldId="273"/>
            <ac:cxnSpMk id="11" creationId="{833C9A60-E4D0-1BC3-AF8D-0DB59CA0331C}"/>
          </ac:cxnSpMkLst>
        </pc:cxnChg>
        <pc:cxnChg chg="mod">
          <ac:chgData name="Dara Solomon" userId="29161881-c2d9-4a3c-aa6b-da9959b1da38" providerId="ADAL" clId="{198F4064-ACA3-4B64-8E19-64569F04FAFA}" dt="2026-04-13T16:03:01.550" v="160" actId="1582"/>
          <ac:cxnSpMkLst>
            <pc:docMk/>
            <pc:sldMk cId="1084749374" sldId="273"/>
            <ac:cxnSpMk id="13" creationId="{4935EB21-E844-6A12-5734-94833595BAC6}"/>
          </ac:cxnSpMkLst>
        </pc:cxnChg>
        <pc:cxnChg chg="mod">
          <ac:chgData name="Dara Solomon" userId="29161881-c2d9-4a3c-aa6b-da9959b1da38" providerId="ADAL" clId="{198F4064-ACA3-4B64-8E19-64569F04FAFA}" dt="2026-04-13T16:03:01.566" v="182" actId="1582"/>
          <ac:cxnSpMkLst>
            <pc:docMk/>
            <pc:sldMk cId="1084749374" sldId="273"/>
            <ac:cxnSpMk id="15" creationId="{B270C548-57CB-338E-D528-26B7E0C2655A}"/>
          </ac:cxnSpMkLst>
        </pc:cxnChg>
        <pc:cxnChg chg="mod">
          <ac:chgData name="Dara Solomon" userId="29161881-c2d9-4a3c-aa6b-da9959b1da38" providerId="ADAL" clId="{198F4064-ACA3-4B64-8E19-64569F04FAFA}" dt="2026-04-13T16:03:01.582" v="203" actId="1582"/>
          <ac:cxnSpMkLst>
            <pc:docMk/>
            <pc:sldMk cId="1084749374" sldId="273"/>
            <ac:cxnSpMk id="17" creationId="{D26577C9-57CD-9ACB-F30F-53E31F480D80}"/>
          </ac:cxnSpMkLst>
        </pc:cxnChg>
        <pc:cxnChg chg="mod">
          <ac:chgData name="Dara Solomon" userId="29161881-c2d9-4a3c-aa6b-da9959b1da38" providerId="ADAL" clId="{198F4064-ACA3-4B64-8E19-64569F04FAFA}" dt="2026-04-13T16:03:01.597" v="223" actId="1582"/>
          <ac:cxnSpMkLst>
            <pc:docMk/>
            <pc:sldMk cId="1084749374" sldId="273"/>
            <ac:cxnSpMk id="19" creationId="{A0BBA6F8-C753-3F2B-DFAA-BF6C7169A826}"/>
          </ac:cxnSpMkLst>
        </pc:cxnChg>
        <pc:cxnChg chg="mod">
          <ac:chgData name="Dara Solomon" userId="29161881-c2d9-4a3c-aa6b-da9959b1da38" providerId="ADAL" clId="{198F4064-ACA3-4B64-8E19-64569F04FAFA}" dt="2026-04-13T16:03:01.613" v="243" actId="1582"/>
          <ac:cxnSpMkLst>
            <pc:docMk/>
            <pc:sldMk cId="1084749374" sldId="273"/>
            <ac:cxnSpMk id="22" creationId="{F524C579-BA18-E6A4-6FAB-1E28A213EA7D}"/>
          </ac:cxnSpMkLst>
        </pc:cxnChg>
        <pc:cxnChg chg="mod">
          <ac:chgData name="Dara Solomon" userId="29161881-c2d9-4a3c-aa6b-da9959b1da38" providerId="ADAL" clId="{198F4064-ACA3-4B64-8E19-64569F04FAFA}" dt="2026-04-13T16:03:01.630" v="263" actId="1582"/>
          <ac:cxnSpMkLst>
            <pc:docMk/>
            <pc:sldMk cId="1084749374" sldId="273"/>
            <ac:cxnSpMk id="25" creationId="{93606B20-5275-B6A9-BB96-559E7FCBBD3B}"/>
          </ac:cxnSpMkLst>
        </pc:cxnChg>
        <pc:cxnChg chg="mod">
          <ac:chgData name="Dara Solomon" userId="29161881-c2d9-4a3c-aa6b-da9959b1da38" providerId="ADAL" clId="{198F4064-ACA3-4B64-8E19-64569F04FAFA}" dt="2026-04-13T16:03:01.664" v="304" actId="1582"/>
          <ac:cxnSpMkLst>
            <pc:docMk/>
            <pc:sldMk cId="1084749374" sldId="273"/>
            <ac:cxnSpMk id="67" creationId="{E2505E8F-BD06-4ED7-8267-CC540FCDA2A8}"/>
          </ac:cxnSpMkLst>
        </pc:cxnChg>
        <pc:cxnChg chg="mod">
          <ac:chgData name="Dara Solomon" userId="29161881-c2d9-4a3c-aa6b-da9959b1da38" providerId="ADAL" clId="{198F4064-ACA3-4B64-8E19-64569F04FAFA}" dt="2026-04-13T16:03:01.662" v="303" actId="1582"/>
          <ac:cxnSpMkLst>
            <pc:docMk/>
            <pc:sldMk cId="1084749374" sldId="273"/>
            <ac:cxnSpMk id="70" creationId="{BC301A6B-EEC1-A928-F43F-F912BD04956F}"/>
          </ac:cxnSpMkLst>
        </pc:cxnChg>
        <pc:cxnChg chg="mod">
          <ac:chgData name="Dara Solomon" userId="29161881-c2d9-4a3c-aa6b-da9959b1da38" providerId="ADAL" clId="{198F4064-ACA3-4B64-8E19-64569F04FAFA}" dt="2026-04-13T16:03:01.665" v="305" actId="1582"/>
          <ac:cxnSpMkLst>
            <pc:docMk/>
            <pc:sldMk cId="1084749374" sldId="273"/>
            <ac:cxnSpMk id="72" creationId="{002EA510-E607-DA43-077F-754B1CC6C2BC}"/>
          </ac:cxnSpMkLst>
        </pc:cxnChg>
        <pc:cxnChg chg="mod">
          <ac:chgData name="Dara Solomon" userId="29161881-c2d9-4a3c-aa6b-da9959b1da38" providerId="ADAL" clId="{198F4064-ACA3-4B64-8E19-64569F04FAFA}" dt="2026-04-13T16:03:01.646" v="283" actId="1582"/>
          <ac:cxnSpMkLst>
            <pc:docMk/>
            <pc:sldMk cId="1084749374" sldId="273"/>
            <ac:cxnSpMk id="80" creationId="{9B5819CC-47F0-23BF-44C4-B6B4454E0C1A}"/>
          </ac:cxnSpMkLst>
        </pc:cxnChg>
        <pc:cxnChg chg="mod">
          <ac:chgData name="Dara Solomon" userId="29161881-c2d9-4a3c-aa6b-da9959b1da38" providerId="ADAL" clId="{198F4064-ACA3-4B64-8E19-64569F04FAFA}" dt="2026-04-13T16:03:01.667" v="306" actId="1582"/>
          <ac:cxnSpMkLst>
            <pc:docMk/>
            <pc:sldMk cId="1084749374" sldId="273"/>
            <ac:cxnSpMk id="138" creationId="{FCEF666C-7A87-8CCC-ABE0-B50687F77725}"/>
          </ac:cxnSpMkLst>
        </pc:cxnChg>
        <pc:cxnChg chg="mod">
          <ac:chgData name="Dara Solomon" userId="29161881-c2d9-4a3c-aa6b-da9959b1da38" providerId="ADAL" clId="{198F4064-ACA3-4B64-8E19-64569F04FAFA}" dt="2026-04-13T16:03:01.668" v="307" actId="1582"/>
          <ac:cxnSpMkLst>
            <pc:docMk/>
            <pc:sldMk cId="1084749374" sldId="273"/>
            <ac:cxnSpMk id="142" creationId="{E2C0CA0D-2057-2205-6DD1-37C952E0A2BC}"/>
          </ac:cxnSpMkLst>
        </pc:cxnChg>
        <pc:cxnChg chg="mod">
          <ac:chgData name="Dara Solomon" userId="29161881-c2d9-4a3c-aa6b-da9959b1da38" providerId="ADAL" clId="{198F4064-ACA3-4B64-8E19-64569F04FAFA}" dt="2026-04-13T16:03:01.670" v="308" actId="1582"/>
          <ac:cxnSpMkLst>
            <pc:docMk/>
            <pc:sldMk cId="1084749374" sldId="273"/>
            <ac:cxnSpMk id="145" creationId="{2E186AB0-C51B-E83B-25F5-BB6802F508CD}"/>
          </ac:cxnSpMkLst>
        </pc:cxnChg>
        <pc:cxnChg chg="mod">
          <ac:chgData name="Dara Solomon" userId="29161881-c2d9-4a3c-aa6b-da9959b1da38" providerId="ADAL" clId="{198F4064-ACA3-4B64-8E19-64569F04FAFA}" dt="2026-04-13T16:03:01.671" v="309" actId="1582"/>
          <ac:cxnSpMkLst>
            <pc:docMk/>
            <pc:sldMk cId="1084749374" sldId="273"/>
            <ac:cxnSpMk id="251" creationId="{157E5321-20F0-A240-C7B7-05DF8BEF526A}"/>
          </ac:cxnSpMkLst>
        </pc:cxnChg>
      </pc:sldChg>
      <pc:sldMasterChg chg="addSp mod">
        <pc:chgData name="Dara Solomon" userId="29161881-c2d9-4a3c-aa6b-da9959b1da38" providerId="ADAL" clId="{198F4064-ACA3-4B64-8E19-64569F04FAFA}" dt="2026-04-13T15:25:39.087" v="0" actId="33475"/>
        <pc:sldMasterMkLst>
          <pc:docMk/>
          <pc:sldMasterMk cId="3732873223" sldId="2147483648"/>
        </pc:sldMasterMkLst>
        <pc:spChg chg="add">
          <ac:chgData name="Dara Solomon" userId="29161881-c2d9-4a3c-aa6b-da9959b1da38" providerId="ADAL" clId="{198F4064-ACA3-4B64-8E19-64569F04FAFA}" dt="2026-04-13T15:25:39.087" v="0" actId="33475"/>
          <ac:spMkLst>
            <pc:docMk/>
            <pc:sldMasterMk cId="3732873223" sldId="2147483648"/>
            <ac:spMk id="8" creationId="{ACA39784-C8F2-536F-B471-5ABD842D4C6E}"/>
          </ac:spMkLst>
        </pc:sp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B3C50D9-4C9B-4E84-9F71-EC5405D6B39E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C9480A9-FEB0-4586-AF8A-E78C949A98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458491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7525E9-16F2-2B8F-2913-F572AD61039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DFA1B1E-E68B-C9D2-A3E4-3CF267DB3E1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CE47F7-0008-6613-E756-4DF5D89417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28EF1D-D1FE-EB06-8F1A-16A8FE3F36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59E4C38-0BBD-E387-7A9D-07C2C16DF9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255954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BB9016-8516-459E-7A58-0BBDEC8674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E6BAB8F-78D3-F33A-799A-F0A666DB5FD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E146C0-1221-04D2-690A-C71DAB4A20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50053D-C119-1F87-C28E-9FE78DF64C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4685A33-BD2C-60EB-6C28-D5D9D61898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2715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6203CAD-04FB-0846-F7FB-8CC1D187C21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6872E7F-2BFB-DB50-D3BA-6B9A74F0F01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B2AF3F-7CCE-812C-D2E1-E26BA29067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28E4EC-243A-BB9D-30CD-C220C06056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C41F3B-36DA-7AC4-94C7-F66A56C1D4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12832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A481BD-2E02-C4C5-AFB0-231E2B7151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61E4D8-BD42-6158-7196-CD77B0C8277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0EF601-FC7B-AAFD-32D1-E174A8F9C2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CAF6A87-F7AF-66A9-F67D-CC7CC1688B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C5C19BF-0302-F14E-4D26-23DB6E4589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41477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041BB6-5F27-F672-6A57-D221E89A3D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1123C1B-701D-6CD7-9AB8-C9325ADECEB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3F6EC6-62A5-1376-8AC5-4A0FE34124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0C6710-C7A6-D6E3-5F49-88C3CA2E74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6336D6-B8A6-689F-EF28-A760EC54C0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3661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CEE73D-6ECE-6B34-CD6F-26F8F660AB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9C9C6C-33C8-C28E-AAE7-D47BDB94791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944B494-953A-90B6-8854-23E56E9E5FF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F948E4-2219-C9E5-6D7E-4C6ADE816D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3A109BE-2BAB-2CA9-DAB1-F1A0262914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97E991A-EE1D-F6AA-45B4-3A67E0CFA3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65206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9682C8-D699-CE71-64F3-EB9F6805A4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A81773E-6E8D-6130-4B3C-C4D464CCF0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E31B653-0A70-C08B-554C-8591125C149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C7D2A9-CE0B-19A7-DA0A-10D645D75B6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AE8D41-B88D-8B14-9FB4-9DC286C1B7C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8433BE6-A5FF-EA87-F4E6-20C5233D4E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52997A5-6699-170A-3158-D7D8DE5E39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94BF5D9-98A7-B469-8D46-23543677FD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39483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75BC81-75BD-3EE1-C733-42CA9FD6B5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1FAA1FA-0AE2-4247-987F-03A1CCE0E4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409EC80-73A0-6D56-0DA7-A055A9D8BB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0E6EC36-F361-2033-FB24-0842C3F228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96899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4341E6D-FC5C-B8D9-22AB-B5659CD987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C298BD6-E599-EB07-7519-B1DD158C4D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A46277B-0C80-47E3-1063-65366CE58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47385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330E9F-854E-7BEC-C7B4-97DB51A101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859AD9-D7A4-9D5A-12BD-585F2267EE5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B2EC08-3D54-0B14-EC1A-133B129B030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EAD98E-11D9-F53D-5EFE-993408E8C2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94DA541-6190-D987-B0D0-2977602295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24C0255-FBC0-A994-1CD9-5B59A024D9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58839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178E82-6E3B-2DB5-AF92-CBEAFDD5E36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564BAD9-9E29-B3FF-E6C0-43BA9035043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74C5157-3625-7D90-4EF2-AEFAFC7FA75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D9275CF-3312-0348-11B2-7F43A3E1FD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0DD93F3-6A1B-AF90-9CF1-1C949D23F9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6BC48F-B13D-5D36-0B1D-4F53641719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897171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1C204F2-C303-B4D6-E4D8-FACE8C0412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6B17202-988C-DFB7-D548-962F05B856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FED29C-8376-1535-5081-20C867EDF55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04C06F59-82C3-46B0-8A51-6310DA794D89}" type="datetimeFigureOut">
              <a:rPr lang="en-US" smtClean="0"/>
              <a:t>4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3272FB0-DC54-27B7-0976-8A400B838EA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392B20-EB0D-F613-E723-B1FACA44413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ACA39784-C8F2-536F-B471-5ABD842D4C6E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63500" y="6642100"/>
            <a:ext cx="973138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Aptos" panose="020B0004020202020204" pitchFamily="34" charset="0"/>
              </a:rPr>
              <a:t>SPP Internal Only</a:t>
            </a:r>
          </a:p>
        </p:txBody>
      </p:sp>
    </p:spTree>
    <p:extLst>
      <p:ext uri="{BB962C8B-B14F-4D97-AF65-F5344CB8AC3E}">
        <p14:creationId xmlns:p14="http://schemas.microsoft.com/office/powerpoint/2010/main" val="37328732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" name="TextBox 347">
            <a:extLst>
              <a:ext uri="{FF2B5EF4-FFF2-40B4-BE49-F238E27FC236}">
                <a16:creationId xmlns:a16="http://schemas.microsoft.com/office/drawing/2014/main" id="{23478562-5956-3C7A-B2C1-F17A8DADC4B7}"/>
              </a:ext>
            </a:extLst>
          </p:cNvPr>
          <p:cNvSpPr txBox="1"/>
          <p:nvPr/>
        </p:nvSpPr>
        <p:spPr>
          <a:xfrm>
            <a:off x="3278044" y="228867"/>
            <a:ext cx="6103256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b="1" dirty="0"/>
              <a:t>ESR-LA IMPLEMENTATION TIMELINE(ALL)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7C15645-04FD-989C-40D8-9ED7753707D1}"/>
              </a:ext>
            </a:extLst>
          </p:cNvPr>
          <p:cNvSpPr txBox="1"/>
          <p:nvPr/>
        </p:nvSpPr>
        <p:spPr>
          <a:xfrm>
            <a:off x="198894" y="5709396"/>
            <a:ext cx="2569294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*Study timelines depend on several factors and may be subject to change.</a:t>
            </a:r>
          </a:p>
          <a:p>
            <a:endParaRPr lang="en-US" dirty="0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0751690E-95C7-352E-C8C6-3B7BBFFEC791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9923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rgbClr val="C0504D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BA178CD2-7298-9439-9DCF-1F3B8AE262E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229923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C0504D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67" name="OTLSHAPE_M_2e0ebcb027d44e1e8d809703e215d8cb_Connector1">
            <a:extLst>
              <a:ext uri="{FF2B5EF4-FFF2-40B4-BE49-F238E27FC236}">
                <a16:creationId xmlns:a16="http://schemas.microsoft.com/office/drawing/2014/main" id="{E2505E8F-BD06-4ED7-8267-CC540FCDA2A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687962" y="1476230"/>
            <a:ext cx="0" cy="77203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M_7aef3ec69c9c46e9bf1461e446eb9974_Connector1">
            <a:extLst>
              <a:ext uri="{FF2B5EF4-FFF2-40B4-BE49-F238E27FC236}">
                <a16:creationId xmlns:a16="http://schemas.microsoft.com/office/drawing/2014/main" id="{FCEF666C-7A87-8CCC-ABE0-B50687F7772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4559796" y="1092775"/>
            <a:ext cx="0" cy="11554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M_4fa236a2e26f429a8e76dfaaaa827247_Connector1">
            <a:extLst>
              <a:ext uri="{FF2B5EF4-FFF2-40B4-BE49-F238E27FC236}">
                <a16:creationId xmlns:a16="http://schemas.microsoft.com/office/drawing/2014/main" id="{E2C0CA0D-2057-2205-6DD1-37C952E0A2B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5287732" y="1476230"/>
            <a:ext cx="0" cy="77203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M_a5481202fa924bcc96ea3e71b225b393_Connector1">
            <a:extLst>
              <a:ext uri="{FF2B5EF4-FFF2-40B4-BE49-F238E27FC236}">
                <a16:creationId xmlns:a16="http://schemas.microsoft.com/office/drawing/2014/main" id="{2E186AB0-C51B-E83B-25F5-BB6802F508C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773022" y="1859685"/>
            <a:ext cx="0" cy="38857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ced69b590ab444dfab5c22732666d50a_Connector1">
            <a:extLst>
              <a:ext uri="{FF2B5EF4-FFF2-40B4-BE49-F238E27FC236}">
                <a16:creationId xmlns:a16="http://schemas.microsoft.com/office/drawing/2014/main" id="{157E5321-20F0-A240-C7B7-05DF8BEF526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471539" y="1859685"/>
            <a:ext cx="0" cy="38857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0c58045c54c5475d8a029408f8db9ba3_Connector1">
            <a:extLst>
              <a:ext uri="{FF2B5EF4-FFF2-40B4-BE49-F238E27FC236}">
                <a16:creationId xmlns:a16="http://schemas.microsoft.com/office/drawing/2014/main" id="{BC301A6B-EEC1-A928-F43F-F912BD04956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375989" y="1092775"/>
            <a:ext cx="0" cy="11554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85d6e238113242d1a12e2ae133af8e0c_Connector1">
            <a:extLst>
              <a:ext uri="{FF2B5EF4-FFF2-40B4-BE49-F238E27FC236}">
                <a16:creationId xmlns:a16="http://schemas.microsoft.com/office/drawing/2014/main" id="{002EA510-E607-DA43-077F-754B1CC6C2B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207916" y="1859685"/>
            <a:ext cx="0" cy="38857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975D7C37-6299-0371-8B9B-51E5D93A6E61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44465" y="224826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7700B2"/>
              </a:gs>
              <a:gs pos="100000">
                <a:srgbClr val="7700B2"/>
              </a:gs>
            </a:gsLst>
            <a:lin ang="5400000" scaled="1"/>
            <a:tileRect/>
          </a:gra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73C937F-5BAA-3681-821A-59AC4CBBFAB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2248263"/>
            <a:ext cx="77851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CFE67C76-0D9B-50E6-A6BE-B820B1732DB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570654" y="2629263"/>
            <a:ext cx="114300" cy="12700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19E029C-A696-9558-806A-26C33E0B81DC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8459940" y="2756263"/>
            <a:ext cx="333745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pc="-28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7740F43-9400-D779-7112-722063F8E624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895265" y="234573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61B8489-7AAD-4517-E585-F4C270B388BD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935173" y="234573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D20A209-3250-F1E1-B6B1-D3CCB507F9C8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009745" y="2345736"/>
            <a:ext cx="24782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89ED6093-CA3E-224B-1228-711DB03D871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049652" y="234573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C2DB6301-FC73-4D17-F6E1-1506DC0600A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124224" y="234573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00A44D10-2D16-2D01-F427-0388CFE95CB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198796" y="2345736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12AD262E-5B86-5692-7E68-590D8B2EFE6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169376" y="23457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3" name="OTLSHAPE_TB_00000000000000000000000000000000_TimescaleInterval8">
            <a:extLst>
              <a:ext uri="{FF2B5EF4-FFF2-40B4-BE49-F238E27FC236}">
                <a16:creationId xmlns:a16="http://schemas.microsoft.com/office/drawing/2014/main" id="{6F85F4C4-5CE5-F3BC-062A-E0BFCDB5955B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243948" y="2345736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47" name="OTLSHAPE_TB_00000000000000000000000000000000_TimescaleInterval9">
            <a:extLst>
              <a:ext uri="{FF2B5EF4-FFF2-40B4-BE49-F238E27FC236}">
                <a16:creationId xmlns:a16="http://schemas.microsoft.com/office/drawing/2014/main" id="{0E2E9301-8233-FDC1-7E15-C0BDFE243F90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283856" y="234573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81" name="OTLSHAPE_TB_00000000000000000000000000000000_TimescaleInterval10">
            <a:extLst>
              <a:ext uri="{FF2B5EF4-FFF2-40B4-BE49-F238E27FC236}">
                <a16:creationId xmlns:a16="http://schemas.microsoft.com/office/drawing/2014/main" id="{6471F37D-C5F2-4BB7-22FF-457F37D2766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0358427" y="2345736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CFA6057A-3337-5C7B-D61E-E3E7988F7DE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884373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833C9A60-E4D0-1BC3-AF8D-0DB59CA0331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958944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935EB21-E844-6A12-5734-94833595BAC6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998852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B270C548-57CB-338E-D528-26B7E0C2655A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073424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D26577C9-57CD-9ACB-F30F-53E31F480D80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147995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A0BBA6F8-C753-3F2B-DFAA-BF6C7169A82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118576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7">
            <a:extLst>
              <a:ext uri="{FF2B5EF4-FFF2-40B4-BE49-F238E27FC236}">
                <a16:creationId xmlns:a16="http://schemas.microsoft.com/office/drawing/2014/main" id="{F524C579-BA18-E6A4-6FAB-1E28A213EA7D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193147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8">
            <a:extLst>
              <a:ext uri="{FF2B5EF4-FFF2-40B4-BE49-F238E27FC236}">
                <a16:creationId xmlns:a16="http://schemas.microsoft.com/office/drawing/2014/main" id="{93606B20-5275-B6A9-BB96-559E7FCBBD3B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233055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B_00000000000000000000000000000000_Separator9">
            <a:extLst>
              <a:ext uri="{FF2B5EF4-FFF2-40B4-BE49-F238E27FC236}">
                <a16:creationId xmlns:a16="http://schemas.microsoft.com/office/drawing/2014/main" id="{9B5819CC-47F0-23BF-44C4-B6B4454E0C1A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0307627" y="2286363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20" name="OTLSHAPE_T_3e045161908d4d4d93beccef95b373a5_Shape">
            <a:extLst>
              <a:ext uri="{FF2B5EF4-FFF2-40B4-BE49-F238E27FC236}">
                <a16:creationId xmlns:a16="http://schemas.microsoft.com/office/drawing/2014/main" id="{72603BE3-EC6E-F559-DEB8-3D584EB4E2B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87110" y="3650343"/>
            <a:ext cx="2082800" cy="254000"/>
          </a:xfrm>
          <a:prstGeom prst="chevron">
            <a:avLst/>
          </a:prstGeom>
          <a:solidFill>
            <a:srgbClr val="9C007F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9" name="OTLSHAPE_T_1bee25ae6b7047ee9fa18c6be95ed6e2_Shape">
            <a:extLst>
              <a:ext uri="{FF2B5EF4-FFF2-40B4-BE49-F238E27FC236}">
                <a16:creationId xmlns:a16="http://schemas.microsoft.com/office/drawing/2014/main" id="{CE845062-8947-6875-52C5-BE31FDD7CB1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542982" y="4691404"/>
            <a:ext cx="2082800" cy="254000"/>
          </a:xfrm>
          <a:prstGeom prst="chevron">
            <a:avLst/>
          </a:prstGeom>
          <a:solidFill>
            <a:srgbClr val="FF388C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0" name="OTLSHAPE_T_0b03ba46d22447fbbcff9005c7e8b0be_Shape">
            <a:extLst>
              <a:ext uri="{FF2B5EF4-FFF2-40B4-BE49-F238E27FC236}">
                <a16:creationId xmlns:a16="http://schemas.microsoft.com/office/drawing/2014/main" id="{A81FDC58-0385-5BF1-23B9-F98923D0E2B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924281" y="5732466"/>
            <a:ext cx="2082800" cy="254000"/>
          </a:xfrm>
          <a:prstGeom prst="chevron">
            <a:avLst/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9" name="OTLSHAPE_T_034484705ad6402c88e11df0b24f246e_Shape">
            <a:extLst>
              <a:ext uri="{FF2B5EF4-FFF2-40B4-BE49-F238E27FC236}">
                <a16:creationId xmlns:a16="http://schemas.microsoft.com/office/drawing/2014/main" id="{530E91CA-C52A-16B9-B477-9D9CF459A51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603867" y="4170874"/>
            <a:ext cx="2082800" cy="254000"/>
          </a:xfrm>
          <a:prstGeom prst="chevron">
            <a:avLst/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8" name="OTLSHAPE_T_54c342d5f96e48abadb1b13d52d07b7b_Shape">
            <a:extLst>
              <a:ext uri="{FF2B5EF4-FFF2-40B4-BE49-F238E27FC236}">
                <a16:creationId xmlns:a16="http://schemas.microsoft.com/office/drawing/2014/main" id="{7637719C-3D6B-F4EB-C0F3-FFA5775E6DF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425304" y="3129812"/>
            <a:ext cx="2082800" cy="254000"/>
          </a:xfrm>
          <a:prstGeom prst="chevron">
            <a:avLst/>
          </a:prstGeom>
          <a:solidFill>
            <a:srgbClr val="FEBA0A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7" name="OTLSHAPE_T_f2f97be829014b90b2595775038958fe_Shape">
            <a:extLst>
              <a:ext uri="{FF2B5EF4-FFF2-40B4-BE49-F238E27FC236}">
                <a16:creationId xmlns:a16="http://schemas.microsoft.com/office/drawing/2014/main" id="{6C04A418-D011-4425-AC0C-19FD420A0FA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227812" y="5211935"/>
            <a:ext cx="2082800" cy="254000"/>
          </a:xfrm>
          <a:prstGeom prst="chevron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6" name="OTLSHAPE_T_498a8c441d194e8cace84615ee6b31e2_Shape">
            <a:extLst>
              <a:ext uri="{FF2B5EF4-FFF2-40B4-BE49-F238E27FC236}">
                <a16:creationId xmlns:a16="http://schemas.microsoft.com/office/drawing/2014/main" id="{7A0A3E10-8B5E-70A7-DB93-72BBB329824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747765" y="6252996"/>
            <a:ext cx="2082800" cy="254000"/>
          </a:xfrm>
          <a:prstGeom prst="chevron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1" name="OTLSHAPE_T_3e045161908d4d4d93beccef95b373a5_ShapePercentage">
            <a:extLst>
              <a:ext uri="{FF2B5EF4-FFF2-40B4-BE49-F238E27FC236}">
                <a16:creationId xmlns:a16="http://schemas.microsoft.com/office/drawing/2014/main" id="{A4746CB2-FD8A-27AD-CD53-4F0AD385DDA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87110" y="3650343"/>
            <a:ext cx="20828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0" name="OTLSHAPE_T_1bee25ae6b7047ee9fa18c6be95ed6e2_ShapePercentage">
            <a:extLst>
              <a:ext uri="{FF2B5EF4-FFF2-40B4-BE49-F238E27FC236}">
                <a16:creationId xmlns:a16="http://schemas.microsoft.com/office/drawing/2014/main" id="{90133378-128B-C21E-3BA2-7A43B266E00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542982" y="4691404"/>
            <a:ext cx="20828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1" name="OTLSHAPE_T_0b03ba46d22447fbbcff9005c7e8b0be_ShapePercentage">
            <a:extLst>
              <a:ext uri="{FF2B5EF4-FFF2-40B4-BE49-F238E27FC236}">
                <a16:creationId xmlns:a16="http://schemas.microsoft.com/office/drawing/2014/main" id="{DA8DF0AC-6094-AE1D-6B16-BC90E551E88A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924281" y="5732466"/>
            <a:ext cx="20828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0" name="OTLSHAPE_T_034484705ad6402c88e11df0b24f246e_ShapePercentage">
            <a:extLst>
              <a:ext uri="{FF2B5EF4-FFF2-40B4-BE49-F238E27FC236}">
                <a16:creationId xmlns:a16="http://schemas.microsoft.com/office/drawing/2014/main" id="{848824FD-565C-CE4B-E7AB-99C78D70536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603867" y="4170874"/>
            <a:ext cx="14605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9" name="OTLSHAPE_T_54c342d5f96e48abadb1b13d52d07b7b_ShapePercentage">
            <a:extLst>
              <a:ext uri="{FF2B5EF4-FFF2-40B4-BE49-F238E27FC236}">
                <a16:creationId xmlns:a16="http://schemas.microsoft.com/office/drawing/2014/main" id="{EE8108D5-78A0-156E-295C-39363169D67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425304" y="3129812"/>
            <a:ext cx="20828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8" name="OTLSHAPE_T_f2f97be829014b90b2595775038958fe_ShapePercentage">
            <a:extLst>
              <a:ext uri="{FF2B5EF4-FFF2-40B4-BE49-F238E27FC236}">
                <a16:creationId xmlns:a16="http://schemas.microsoft.com/office/drawing/2014/main" id="{756DA192-502D-45F6-0E6B-8B4A667F6D4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227812" y="5211935"/>
            <a:ext cx="215900" cy="254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7" name="OTLSHAPE_T_498a8c441d194e8cace84615ee6b31e2_ShapePercentage" hidden="1">
            <a:extLst>
              <a:ext uri="{FF2B5EF4-FFF2-40B4-BE49-F238E27FC236}">
                <a16:creationId xmlns:a16="http://schemas.microsoft.com/office/drawing/2014/main" id="{C3488AE0-82D4-A696-8E50-CC1496E116C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747765" y="625299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2" name="OTLSHAPE_T_3e045161908d4d4d93beccef95b373a5_BaselineShape" hidden="1">
            <a:extLst>
              <a:ext uri="{FF2B5EF4-FFF2-40B4-BE49-F238E27FC236}">
                <a16:creationId xmlns:a16="http://schemas.microsoft.com/office/drawing/2014/main" id="{9F65DAA0-2E54-95A5-B7E3-A07D23A71E4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44465" y="386624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1bee25ae6b7047ee9fa18c6be95ed6e2_BaselineShape" hidden="1">
            <a:extLst>
              <a:ext uri="{FF2B5EF4-FFF2-40B4-BE49-F238E27FC236}">
                <a16:creationId xmlns:a16="http://schemas.microsoft.com/office/drawing/2014/main" id="{614E593A-6F9E-A034-A955-CF9211DBFE9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44465" y="490730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T_0b03ba46d22447fbbcff9005c7e8b0be_BaselineShape" hidden="1">
            <a:extLst>
              <a:ext uri="{FF2B5EF4-FFF2-40B4-BE49-F238E27FC236}">
                <a16:creationId xmlns:a16="http://schemas.microsoft.com/office/drawing/2014/main" id="{E4D5A1EE-C6D5-D956-7A31-6E1571DE69E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44465" y="594836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T_034484705ad6402c88e11df0b24f246e_BaselineShape" hidden="1">
            <a:extLst>
              <a:ext uri="{FF2B5EF4-FFF2-40B4-BE49-F238E27FC236}">
                <a16:creationId xmlns:a16="http://schemas.microsoft.com/office/drawing/2014/main" id="{79860426-E1C0-0D63-A5A5-712B6CB2D26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44465" y="43867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T_54c342d5f96e48abadb1b13d52d07b7b_BaselineShape" hidden="1">
            <a:extLst>
              <a:ext uri="{FF2B5EF4-FFF2-40B4-BE49-F238E27FC236}">
                <a16:creationId xmlns:a16="http://schemas.microsoft.com/office/drawing/2014/main" id="{19FEE17C-03FF-BDD4-24B0-F149D02D1BA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44465" y="334571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T_f2f97be829014b90b2595775038958fe_BaselineShape" hidden="1">
            <a:extLst>
              <a:ext uri="{FF2B5EF4-FFF2-40B4-BE49-F238E27FC236}">
                <a16:creationId xmlns:a16="http://schemas.microsoft.com/office/drawing/2014/main" id="{F2999E1F-4C0E-4AFC-6223-F2C0855F041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44465" y="542783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_498a8c441d194e8cace84615ee6b31e2_BaselineShape" hidden="1">
            <a:extLst>
              <a:ext uri="{FF2B5EF4-FFF2-40B4-BE49-F238E27FC236}">
                <a16:creationId xmlns:a16="http://schemas.microsoft.com/office/drawing/2014/main" id="{64E977A2-2F0C-A0FD-738C-0CCDEE9BBA1C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44465" y="646889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T_3e045161908d4d4d93beccef95b373a5_TextPercentage" hidden="1">
            <a:extLst>
              <a:ext uri="{FF2B5EF4-FFF2-40B4-BE49-F238E27FC236}">
                <a16:creationId xmlns:a16="http://schemas.microsoft.com/office/drawing/2014/main" id="{B6FA0D5D-0591-2EAB-59B4-C1F85A6E8EB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24" name="OTLSHAPE_T_3e045161908d4d4d93beccef95b373a5_StartDate" hidden="1">
            <a:extLst>
              <a:ext uri="{FF2B5EF4-FFF2-40B4-BE49-F238E27FC236}">
                <a16:creationId xmlns:a16="http://schemas.microsoft.com/office/drawing/2014/main" id="{5ACFE253-B8AD-2B74-5E61-8D2521916B0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3e045161908d4d4d93beccef95b373a5_EndDate" hidden="1">
            <a:extLst>
              <a:ext uri="{FF2B5EF4-FFF2-40B4-BE49-F238E27FC236}">
                <a16:creationId xmlns:a16="http://schemas.microsoft.com/office/drawing/2014/main" id="{8A47E718-B701-D262-C998-33F45606113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3e045161908d4d4d93beccef95b373a5_JoinedDate">
            <a:extLst>
              <a:ext uri="{FF2B5EF4-FFF2-40B4-BE49-F238E27FC236}">
                <a16:creationId xmlns:a16="http://schemas.microsoft.com/office/drawing/2014/main" id="{48BA913A-2286-FAF3-6EE1-5F2B5B52CB0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087110" y="3510812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Sep 8 - Nov 6</a:t>
            </a:r>
          </a:p>
        </p:txBody>
      </p:sp>
      <p:sp>
        <p:nvSpPr>
          <p:cNvPr id="127" name="OTLSHAPE_T_3e045161908d4d4d93beccef95b373a5_Duration">
            <a:extLst>
              <a:ext uri="{FF2B5EF4-FFF2-40B4-BE49-F238E27FC236}">
                <a16:creationId xmlns:a16="http://schemas.microsoft.com/office/drawing/2014/main" id="{6EB198DE-E508-AEBB-953D-43B50C5596B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217702" y="3684315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128" name="OTLSHAPE_T_3e045161908d4d4d93beccef95b373a5_Title">
            <a:extLst>
              <a:ext uri="{FF2B5EF4-FFF2-40B4-BE49-F238E27FC236}">
                <a16:creationId xmlns:a16="http://schemas.microsoft.com/office/drawing/2014/main" id="{AF66C054-B80F-751D-BDA7-8D0AE2A6425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94491" y="3699831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2</a:t>
            </a:r>
          </a:p>
        </p:txBody>
      </p:sp>
      <p:sp>
        <p:nvSpPr>
          <p:cNvPr id="132" name="OTLSHAPE_T_1bee25ae6b7047ee9fa18c6be95ed6e2_TextPercentage" hidden="1">
            <a:extLst>
              <a:ext uri="{FF2B5EF4-FFF2-40B4-BE49-F238E27FC236}">
                <a16:creationId xmlns:a16="http://schemas.microsoft.com/office/drawing/2014/main" id="{066D5116-3EF3-C8E7-5CB9-085B65B79A9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33" name="OTLSHAPE_T_1bee25ae6b7047ee9fa18c6be95ed6e2_StartDate" hidden="1">
            <a:extLst>
              <a:ext uri="{FF2B5EF4-FFF2-40B4-BE49-F238E27FC236}">
                <a16:creationId xmlns:a16="http://schemas.microsoft.com/office/drawing/2014/main" id="{5AA39D69-451C-A43E-8E73-F649D2DC165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1bee25ae6b7047ee9fa18c6be95ed6e2_EndDate" hidden="1">
            <a:extLst>
              <a:ext uri="{FF2B5EF4-FFF2-40B4-BE49-F238E27FC236}">
                <a16:creationId xmlns:a16="http://schemas.microsoft.com/office/drawing/2014/main" id="{55DA58A3-869B-0A52-77FE-7102FAC4148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1bee25ae6b7047ee9fa18c6be95ed6e2_JoinedDate">
            <a:extLst>
              <a:ext uri="{FF2B5EF4-FFF2-40B4-BE49-F238E27FC236}">
                <a16:creationId xmlns:a16="http://schemas.microsoft.com/office/drawing/2014/main" id="{747D4192-2215-F9DF-39C7-1BC7EBAB18C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542982" y="4551874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Oct 20 - Dec 18</a:t>
            </a:r>
          </a:p>
        </p:txBody>
      </p:sp>
      <p:sp>
        <p:nvSpPr>
          <p:cNvPr id="136" name="OTLSHAPE_T_1bee25ae6b7047ee9fa18c6be95ed6e2_Duration">
            <a:extLst>
              <a:ext uri="{FF2B5EF4-FFF2-40B4-BE49-F238E27FC236}">
                <a16:creationId xmlns:a16="http://schemas.microsoft.com/office/drawing/2014/main" id="{C9CA7572-9DBD-96B5-3C0C-FA28433EECA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673573" y="4725377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137" name="OTLSHAPE_T_1bee25ae6b7047ee9fa18c6be95ed6e2_Title">
            <a:extLst>
              <a:ext uri="{FF2B5EF4-FFF2-40B4-BE49-F238E27FC236}">
                <a16:creationId xmlns:a16="http://schemas.microsoft.com/office/drawing/2014/main" id="{A4B33A43-C17A-FBA6-D9EB-7781FF2C0AE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350362" y="474089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3</a:t>
            </a:r>
          </a:p>
        </p:txBody>
      </p:sp>
      <p:sp>
        <p:nvSpPr>
          <p:cNvPr id="213" name="OTLSHAPE_T_0b03ba46d22447fbbcff9005c7e8b0be_TextPercentage" hidden="1">
            <a:extLst>
              <a:ext uri="{FF2B5EF4-FFF2-40B4-BE49-F238E27FC236}">
                <a16:creationId xmlns:a16="http://schemas.microsoft.com/office/drawing/2014/main" id="{CBFAB582-4B8B-81D4-AD16-E13855E68E9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14" name="OTLSHAPE_T_0b03ba46d22447fbbcff9005c7e8b0be_StartDate" hidden="1">
            <a:extLst>
              <a:ext uri="{FF2B5EF4-FFF2-40B4-BE49-F238E27FC236}">
                <a16:creationId xmlns:a16="http://schemas.microsoft.com/office/drawing/2014/main" id="{F4385107-A077-B624-5E54-4F052F4AFF8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T_0b03ba46d22447fbbcff9005c7e8b0be_EndDate" hidden="1">
            <a:extLst>
              <a:ext uri="{FF2B5EF4-FFF2-40B4-BE49-F238E27FC236}">
                <a16:creationId xmlns:a16="http://schemas.microsoft.com/office/drawing/2014/main" id="{AF3CC989-2742-CF23-E60B-BF62B67FE4F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_0b03ba46d22447fbbcff9005c7e8b0be_JoinedDate">
            <a:extLst>
              <a:ext uri="{FF2B5EF4-FFF2-40B4-BE49-F238E27FC236}">
                <a16:creationId xmlns:a16="http://schemas.microsoft.com/office/drawing/2014/main" id="{E8CD701D-744A-83D0-EAA2-9B5ACF0F598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924281" y="5592935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Oct 31 - Dec 29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T_0b03ba46d22447fbbcff9005c7e8b0be_Duration">
            <a:extLst>
              <a:ext uri="{FF2B5EF4-FFF2-40B4-BE49-F238E27FC236}">
                <a16:creationId xmlns:a16="http://schemas.microsoft.com/office/drawing/2014/main" id="{A3D96814-19C2-C14F-A62E-9E784030B73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054873" y="5766438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18" name="OTLSHAPE_T_0b03ba46d22447fbbcff9005c7e8b0be_Title">
            <a:extLst>
              <a:ext uri="{FF2B5EF4-FFF2-40B4-BE49-F238E27FC236}">
                <a16:creationId xmlns:a16="http://schemas.microsoft.com/office/drawing/2014/main" id="{CCFC08FD-69F4-15F8-3657-846E29E905E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731661" y="5781953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2"/>
                </a:solidFill>
                <a:latin typeface="Calibri" panose="020F0502020204030204" pitchFamily="34" charset="0"/>
              </a:rPr>
              <a:t>ESR-LA-4</a:t>
            </a:r>
          </a:p>
        </p:txBody>
      </p:sp>
      <p:sp>
        <p:nvSpPr>
          <p:cNvPr id="222" name="OTLSHAPE_T_034484705ad6402c88e11df0b24f246e_TextPercentage" hidden="1">
            <a:extLst>
              <a:ext uri="{FF2B5EF4-FFF2-40B4-BE49-F238E27FC236}">
                <a16:creationId xmlns:a16="http://schemas.microsoft.com/office/drawing/2014/main" id="{421DAE39-9ABD-44D5-7895-4D4D804BBBA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849073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223" name="OTLSHAPE_T_034484705ad6402c88e11df0b24f246e_StartDate" hidden="1">
            <a:extLst>
              <a:ext uri="{FF2B5EF4-FFF2-40B4-BE49-F238E27FC236}">
                <a16:creationId xmlns:a16="http://schemas.microsoft.com/office/drawing/2014/main" id="{C226D9B7-6980-7E60-849B-3D958C1C8F0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T_034484705ad6402c88e11df0b24f246e_EndDate" hidden="1">
            <a:extLst>
              <a:ext uri="{FF2B5EF4-FFF2-40B4-BE49-F238E27FC236}">
                <a16:creationId xmlns:a16="http://schemas.microsoft.com/office/drawing/2014/main" id="{4179E6B6-C864-40E3-057A-A55BB50FA861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T_034484705ad6402c88e11df0b24f246e_JoinedDate">
            <a:extLst>
              <a:ext uri="{FF2B5EF4-FFF2-40B4-BE49-F238E27FC236}">
                <a16:creationId xmlns:a16="http://schemas.microsoft.com/office/drawing/2014/main" id="{0FFDEF0F-B556-500C-2DF4-D851B784E38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603867" y="4031343"/>
            <a:ext cx="774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r 15 - May 13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T_034484705ad6402c88e11df0b24f246e_Duration">
            <a:extLst>
              <a:ext uri="{FF2B5EF4-FFF2-40B4-BE49-F238E27FC236}">
                <a16:creationId xmlns:a16="http://schemas.microsoft.com/office/drawing/2014/main" id="{87402951-6B7E-4259-F374-A8830129165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734459" y="4204846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  <a:endParaRPr lang="en-US" sz="1200" spc="-12" dirty="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T_034484705ad6402c88e11df0b24f246e_Title">
            <a:extLst>
              <a:ext uri="{FF2B5EF4-FFF2-40B4-BE49-F238E27FC236}">
                <a16:creationId xmlns:a16="http://schemas.microsoft.com/office/drawing/2014/main" id="{E844A049-E770-6A15-E5AE-1105A4E9D2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257704" y="4220361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DI2023</a:t>
            </a:r>
          </a:p>
        </p:txBody>
      </p:sp>
      <p:sp>
        <p:nvSpPr>
          <p:cNvPr id="231" name="OTLSHAPE_T_54c342d5f96e48abadb1b13d52d07b7b_TextPercentage" hidden="1">
            <a:extLst>
              <a:ext uri="{FF2B5EF4-FFF2-40B4-BE49-F238E27FC236}">
                <a16:creationId xmlns:a16="http://schemas.microsoft.com/office/drawing/2014/main" id="{E5BA1986-6CCA-76FE-C2F8-F4A141AE1A8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090533" y="3179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32" name="OTLSHAPE_T_54c342d5f96e48abadb1b13d52d07b7b_StartDate" hidden="1">
            <a:extLst>
              <a:ext uri="{FF2B5EF4-FFF2-40B4-BE49-F238E27FC236}">
                <a16:creationId xmlns:a16="http://schemas.microsoft.com/office/drawing/2014/main" id="{9B2F331B-6F1B-7820-D25A-F6EA5F5C9D1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T_54c342d5f96e48abadb1b13d52d07b7b_EndDate" hidden="1">
            <a:extLst>
              <a:ext uri="{FF2B5EF4-FFF2-40B4-BE49-F238E27FC236}">
                <a16:creationId xmlns:a16="http://schemas.microsoft.com/office/drawing/2014/main" id="{591CAE30-09BF-EFB8-56DA-2A232BC24CC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T_54c342d5f96e48abadb1b13d52d07b7b_JoinedDate">
            <a:extLst>
              <a:ext uri="{FF2B5EF4-FFF2-40B4-BE49-F238E27FC236}">
                <a16:creationId xmlns:a16="http://schemas.microsoft.com/office/drawing/2014/main" id="{836B1681-6913-EC8F-B0A5-49CC19FDFCA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425304" y="299028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Feb 9 - Apr 9</a:t>
            </a:r>
          </a:p>
        </p:txBody>
      </p:sp>
      <p:sp>
        <p:nvSpPr>
          <p:cNvPr id="235" name="OTLSHAPE_T_54c342d5f96e48abadb1b13d52d07b7b_Duration">
            <a:extLst>
              <a:ext uri="{FF2B5EF4-FFF2-40B4-BE49-F238E27FC236}">
                <a16:creationId xmlns:a16="http://schemas.microsoft.com/office/drawing/2014/main" id="{268EF9F8-3346-19E5-FB68-0045009019D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555896" y="3163785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36" name="OTLSHAPE_T_54c342d5f96e48abadb1b13d52d07b7b_Title">
            <a:extLst>
              <a:ext uri="{FF2B5EF4-FFF2-40B4-BE49-F238E27FC236}">
                <a16:creationId xmlns:a16="http://schemas.microsoft.com/office/drawing/2014/main" id="{DB65E12D-95C9-14B3-79EE-736E7BC785F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232684" y="317930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5</a:t>
            </a:r>
          </a:p>
        </p:txBody>
      </p:sp>
      <p:sp>
        <p:nvSpPr>
          <p:cNvPr id="240" name="OTLSHAPE_T_f2f97be829014b90b2595775038958fe_TextPercentage" hidden="1">
            <a:extLst>
              <a:ext uri="{FF2B5EF4-FFF2-40B4-BE49-F238E27FC236}">
                <a16:creationId xmlns:a16="http://schemas.microsoft.com/office/drawing/2014/main" id="{88E45FD8-0970-6744-E408-09AA5DEF841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6182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241" name="OTLSHAPE_T_f2f97be829014b90b2595775038958fe_StartDate" hidden="1">
            <a:extLst>
              <a:ext uri="{FF2B5EF4-FFF2-40B4-BE49-F238E27FC236}">
                <a16:creationId xmlns:a16="http://schemas.microsoft.com/office/drawing/2014/main" id="{A148A37E-585E-EF43-962B-354FC269BFF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T_f2f97be829014b90b2595775038958fe_EndDate" hidden="1">
            <a:extLst>
              <a:ext uri="{FF2B5EF4-FFF2-40B4-BE49-F238E27FC236}">
                <a16:creationId xmlns:a16="http://schemas.microsoft.com/office/drawing/2014/main" id="{988821EC-9931-3013-7454-208A6A303DA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f2f97be829014b90b2595775038958fe_JoinedDate">
            <a:extLst>
              <a:ext uri="{FF2B5EF4-FFF2-40B4-BE49-F238E27FC236}">
                <a16:creationId xmlns:a16="http://schemas.microsoft.com/office/drawing/2014/main" id="{A46A1207-E141-C4C2-BE08-DA39EE20601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227812" y="5072404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Apr 2 - May 31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T_f2f97be829014b90b2595775038958fe_Duration">
            <a:extLst>
              <a:ext uri="{FF2B5EF4-FFF2-40B4-BE49-F238E27FC236}">
                <a16:creationId xmlns:a16="http://schemas.microsoft.com/office/drawing/2014/main" id="{61A8A9A0-8D7F-9E1D-77A6-82A53435085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358403" y="5245907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  <a:endParaRPr lang="en-US" sz="1200" spc="-12" dirty="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f2f97be829014b90b2595775038958fe_Title">
            <a:extLst>
              <a:ext uri="{FF2B5EF4-FFF2-40B4-BE49-F238E27FC236}">
                <a16:creationId xmlns:a16="http://schemas.microsoft.com/office/drawing/2014/main" id="{3B148695-4916-AC66-B448-C9B0E301F6B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035191" y="5261423"/>
            <a:ext cx="49218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6</a:t>
            </a:r>
          </a:p>
        </p:txBody>
      </p:sp>
      <p:sp>
        <p:nvSpPr>
          <p:cNvPr id="29" name="OTLSHAPE_T_498a8c441d194e8cace84615ee6b31e2_TextPercentage" hidden="1">
            <a:extLst>
              <a:ext uri="{FF2B5EF4-FFF2-40B4-BE49-F238E27FC236}">
                <a16:creationId xmlns:a16="http://schemas.microsoft.com/office/drawing/2014/main" id="{D13E21C8-1394-90C4-22A5-7990C23F441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498a8c441d194e8cace84615ee6b31e2_StartDate" hidden="1">
            <a:extLst>
              <a:ext uri="{FF2B5EF4-FFF2-40B4-BE49-F238E27FC236}">
                <a16:creationId xmlns:a16="http://schemas.microsoft.com/office/drawing/2014/main" id="{B6B92E63-C30D-AACF-544A-C6F4E6C0B26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498a8c441d194e8cace84615ee6b31e2_EndDate" hidden="1">
            <a:extLst>
              <a:ext uri="{FF2B5EF4-FFF2-40B4-BE49-F238E27FC236}">
                <a16:creationId xmlns:a16="http://schemas.microsoft.com/office/drawing/2014/main" id="{54F88237-07E7-D619-38B3-8F51D67A372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498a8c441d194e8cace84615ee6b31e2_JoinedDate">
            <a:extLst>
              <a:ext uri="{FF2B5EF4-FFF2-40B4-BE49-F238E27FC236}">
                <a16:creationId xmlns:a16="http://schemas.microsoft.com/office/drawing/2014/main" id="{157BA47D-06E3-5C2E-188B-28C30A19FC3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747765" y="6113466"/>
            <a:ext cx="698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Apr 17 - Jun 15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T_498a8c441d194e8cace84615ee6b31e2_Title">
            <a:extLst>
              <a:ext uri="{FF2B5EF4-FFF2-40B4-BE49-F238E27FC236}">
                <a16:creationId xmlns:a16="http://schemas.microsoft.com/office/drawing/2014/main" id="{D7FE4F32-0BC3-83AA-2A58-C6DD662C3E8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452127" y="630248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2"/>
                </a:solidFill>
                <a:latin typeface="Calibri" panose="020F0502020204030204" pitchFamily="34" charset="0"/>
              </a:rPr>
              <a:t>ESR-LA-ERAS</a:t>
            </a:r>
          </a:p>
        </p:txBody>
      </p:sp>
      <p:sp>
        <p:nvSpPr>
          <p:cNvPr id="249" name="OTLSHAPE_T_498a8c441d194e8cace84615ee6b31e2_Duration">
            <a:extLst>
              <a:ext uri="{FF2B5EF4-FFF2-40B4-BE49-F238E27FC236}">
                <a16:creationId xmlns:a16="http://schemas.microsoft.com/office/drawing/2014/main" id="{F4B66697-1D8B-FB09-7C0F-AEB740BC86D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878357" y="6286969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71" name="OTLSHAPE_T_3e045161908d4d4d93beccef95b373a5_Variance" hidden="1">
            <a:extLst>
              <a:ext uri="{FF2B5EF4-FFF2-40B4-BE49-F238E27FC236}">
                <a16:creationId xmlns:a16="http://schemas.microsoft.com/office/drawing/2014/main" id="{ACAC8988-8252-2584-4442-F6CC23AB77E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034484705ad6402c88e11df0b24f246e_Variance" hidden="1">
            <a:extLst>
              <a:ext uri="{FF2B5EF4-FFF2-40B4-BE49-F238E27FC236}">
                <a16:creationId xmlns:a16="http://schemas.microsoft.com/office/drawing/2014/main" id="{6DD28D3A-945C-D0A3-4AED-325274AAC20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1bee25ae6b7047ee9fa18c6be95ed6e2_Variance" hidden="1">
            <a:extLst>
              <a:ext uri="{FF2B5EF4-FFF2-40B4-BE49-F238E27FC236}">
                <a16:creationId xmlns:a16="http://schemas.microsoft.com/office/drawing/2014/main" id="{AF38DFCE-4E81-835D-85E2-83CD88845B5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54c342d5f96e48abadb1b13d52d07b7b_Variance" hidden="1">
            <a:extLst>
              <a:ext uri="{FF2B5EF4-FFF2-40B4-BE49-F238E27FC236}">
                <a16:creationId xmlns:a16="http://schemas.microsoft.com/office/drawing/2014/main" id="{5579083F-53ED-0DB3-70C3-A34E59DC29D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498a8c441d194e8cace84615ee6b31e2_Variance" hidden="1">
            <a:extLst>
              <a:ext uri="{FF2B5EF4-FFF2-40B4-BE49-F238E27FC236}">
                <a16:creationId xmlns:a16="http://schemas.microsoft.com/office/drawing/2014/main" id="{287FE535-EF08-3026-DCEB-2740D6E4D16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0b03ba46d22447fbbcff9005c7e8b0be_Variance" hidden="1">
            <a:extLst>
              <a:ext uri="{FF2B5EF4-FFF2-40B4-BE49-F238E27FC236}">
                <a16:creationId xmlns:a16="http://schemas.microsoft.com/office/drawing/2014/main" id="{F2103CA9-084A-6B97-B71F-EBE3D7BC967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f2f97be829014b90b2595775038958fe_Variance" hidden="1">
            <a:extLst>
              <a:ext uri="{FF2B5EF4-FFF2-40B4-BE49-F238E27FC236}">
                <a16:creationId xmlns:a16="http://schemas.microsoft.com/office/drawing/2014/main" id="{A7ADE0D1-65A7-5404-57B1-2F2D14901C8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M_2e0ebcb027d44e1e8d809703e215d8cb_Shape">
            <a:extLst>
              <a:ext uri="{FF2B5EF4-FFF2-40B4-BE49-F238E27FC236}">
                <a16:creationId xmlns:a16="http://schemas.microsoft.com/office/drawing/2014/main" id="{9B9A49E5-368C-212B-D502-01D3FE3615A7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 rot="16200000">
            <a:off x="2713362" y="1476230"/>
            <a:ext cx="101600" cy="101600"/>
          </a:xfrm>
          <a:prstGeom prst="flowChartMerge">
            <a:avLst/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M_7aef3ec69c9c46e9bf1461e446eb9974_Shape">
            <a:extLst>
              <a:ext uri="{FF2B5EF4-FFF2-40B4-BE49-F238E27FC236}">
                <a16:creationId xmlns:a16="http://schemas.microsoft.com/office/drawing/2014/main" id="{1E7837D5-280A-8BBF-FF5B-AE400535B471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 rot="16200000">
            <a:off x="4585196" y="1092775"/>
            <a:ext cx="101600" cy="101600"/>
          </a:xfrm>
          <a:prstGeom prst="flowChartMerge">
            <a:avLst/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M_4fa236a2e26f429a8e76dfaaaa827247_Shape">
            <a:extLst>
              <a:ext uri="{FF2B5EF4-FFF2-40B4-BE49-F238E27FC236}">
                <a16:creationId xmlns:a16="http://schemas.microsoft.com/office/drawing/2014/main" id="{6D1A193B-241F-9DBE-C2F6-6B44F06F26D5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 rot="16200000">
            <a:off x="5313132" y="1476230"/>
            <a:ext cx="101600" cy="101600"/>
          </a:xfrm>
          <a:prstGeom prst="flowChartMerge">
            <a:avLst/>
          </a:prstGeom>
          <a:solidFill>
            <a:srgbClr val="FEBA0A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M_a5481202fa924bcc96ea3e71b225b393_Shape">
            <a:extLst>
              <a:ext uri="{FF2B5EF4-FFF2-40B4-BE49-F238E27FC236}">
                <a16:creationId xmlns:a16="http://schemas.microsoft.com/office/drawing/2014/main" id="{95C6C8FE-5E3F-2694-241A-20D7090E5EBF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 rot="16200000">
            <a:off x="5798422" y="1859685"/>
            <a:ext cx="101600" cy="101600"/>
          </a:xfrm>
          <a:prstGeom prst="flowChartMerge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M_ced69b590ab444dfab5c22732666d50a_Shape">
            <a:extLst>
              <a:ext uri="{FF2B5EF4-FFF2-40B4-BE49-F238E27FC236}">
                <a16:creationId xmlns:a16="http://schemas.microsoft.com/office/drawing/2014/main" id="{ADDFCC28-786A-C378-CA2A-C783B94F2325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 rot="16200000">
            <a:off x="7496939" y="1859685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M_0c58045c54c5475d8a029408f8db9ba3_Shape">
            <a:extLst>
              <a:ext uri="{FF2B5EF4-FFF2-40B4-BE49-F238E27FC236}">
                <a16:creationId xmlns:a16="http://schemas.microsoft.com/office/drawing/2014/main" id="{1E797F46-74C5-BF28-467E-4FFEBCB324F1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 rot="16200000">
            <a:off x="2401389" y="1092775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8" name="OTLSHAPE_M_85d6e238113242d1a12e2ae133af8e0c_Shape">
            <a:extLst>
              <a:ext uri="{FF2B5EF4-FFF2-40B4-BE49-F238E27FC236}">
                <a16:creationId xmlns:a16="http://schemas.microsoft.com/office/drawing/2014/main" id="{E805FE71-E061-62B9-43F2-1E9B18BEE797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 rot="16200000">
            <a:off x="3233316" y="1859685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2e0ebcb027d44e1e8d809703e215d8cb_Title">
            <a:extLst>
              <a:ext uri="{FF2B5EF4-FFF2-40B4-BE49-F238E27FC236}">
                <a16:creationId xmlns:a16="http://schemas.microsoft.com/office/drawing/2014/main" id="{6D27A163-B8D7-635F-1488-1084CCF98FE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846712" y="1354352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SR-LA-4 Kick-off</a:t>
            </a:r>
          </a:p>
        </p:txBody>
      </p:sp>
      <p:sp>
        <p:nvSpPr>
          <p:cNvPr id="103" name="OTLSHAPE_M_2e0ebcb027d44e1e8d809703e215d8cb_Date">
            <a:extLst>
              <a:ext uri="{FF2B5EF4-FFF2-40B4-BE49-F238E27FC236}">
                <a16:creationId xmlns:a16="http://schemas.microsoft.com/office/drawing/2014/main" id="{A317A4CC-11D5-FB76-0AEF-C06146279DA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846712" y="1509377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Oct 23</a:t>
            </a:r>
          </a:p>
        </p:txBody>
      </p:sp>
      <p:sp>
        <p:nvSpPr>
          <p:cNvPr id="174" name="OTLSHAPE_M_7aef3ec69c9c46e9bf1461e446eb9974_Title">
            <a:extLst>
              <a:ext uri="{FF2B5EF4-FFF2-40B4-BE49-F238E27FC236}">
                <a16:creationId xmlns:a16="http://schemas.microsoft.com/office/drawing/2014/main" id="{7C69D039-8F3E-CCA0-1B7A-52B8FAC5318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718546" y="97089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DI2023 Kick-off</a:t>
            </a:r>
          </a:p>
        </p:txBody>
      </p:sp>
      <p:sp>
        <p:nvSpPr>
          <p:cNvPr id="175" name="OTLSHAPE_M_7aef3ec69c9c46e9bf1461e446eb9974_Date">
            <a:extLst>
              <a:ext uri="{FF2B5EF4-FFF2-40B4-BE49-F238E27FC236}">
                <a16:creationId xmlns:a16="http://schemas.microsoft.com/office/drawing/2014/main" id="{A85ECC36-74BA-1986-A986-8FD5FCA9924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718546" y="1125922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Dec 16</a:t>
            </a:r>
          </a:p>
        </p:txBody>
      </p:sp>
      <p:sp>
        <p:nvSpPr>
          <p:cNvPr id="183" name="OTLSHAPE_M_4fa236a2e26f429a8e76dfaaaa827247_Title">
            <a:extLst>
              <a:ext uri="{FF2B5EF4-FFF2-40B4-BE49-F238E27FC236}">
                <a16:creationId xmlns:a16="http://schemas.microsoft.com/office/drawing/2014/main" id="{CAA744AD-80B9-5727-C968-B36F2E719E7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446482" y="1354352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5 Kick-off</a:t>
            </a:r>
          </a:p>
        </p:txBody>
      </p:sp>
      <p:sp>
        <p:nvSpPr>
          <p:cNvPr id="184" name="OTLSHAPE_M_4fa236a2e26f429a8e76dfaaaa827247_Date">
            <a:extLst>
              <a:ext uri="{FF2B5EF4-FFF2-40B4-BE49-F238E27FC236}">
                <a16:creationId xmlns:a16="http://schemas.microsoft.com/office/drawing/2014/main" id="{B5364027-05FD-D7B6-D05C-D38BB291E88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446482" y="150937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an 6</a:t>
            </a:r>
          </a:p>
        </p:txBody>
      </p:sp>
      <p:sp>
        <p:nvSpPr>
          <p:cNvPr id="192" name="OTLSHAPE_M_a5481202fa924bcc96ea3e71b225b393_Title">
            <a:extLst>
              <a:ext uri="{FF2B5EF4-FFF2-40B4-BE49-F238E27FC236}">
                <a16:creationId xmlns:a16="http://schemas.microsoft.com/office/drawing/2014/main" id="{57902457-73E9-8B03-F508-37959B560A7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931772" y="1737808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6 Kick-off</a:t>
            </a:r>
          </a:p>
        </p:txBody>
      </p:sp>
      <p:sp>
        <p:nvSpPr>
          <p:cNvPr id="193" name="OTLSHAPE_M_a5481202fa924bcc96ea3e71b225b393_Date">
            <a:extLst>
              <a:ext uri="{FF2B5EF4-FFF2-40B4-BE49-F238E27FC236}">
                <a16:creationId xmlns:a16="http://schemas.microsoft.com/office/drawing/2014/main" id="{F930EC1D-39E1-A7D4-56B2-A3B5B67638E8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931772" y="1892832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an 20</a:t>
            </a:r>
          </a:p>
        </p:txBody>
      </p:sp>
      <p:sp>
        <p:nvSpPr>
          <p:cNvPr id="64" name="OTLSHAPE_M_ced69b590ab444dfab5c22732666d50a_Title">
            <a:extLst>
              <a:ext uri="{FF2B5EF4-FFF2-40B4-BE49-F238E27FC236}">
                <a16:creationId xmlns:a16="http://schemas.microsoft.com/office/drawing/2014/main" id="{ACC3B5D5-5E3D-E656-2B49-46FABD8DB95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630289" y="1737808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ESR-LA-ERAS Kick-off</a:t>
            </a:r>
          </a:p>
        </p:txBody>
      </p:sp>
      <p:sp>
        <p:nvSpPr>
          <p:cNvPr id="65" name="OTLSHAPE_M_ced69b590ab444dfab5c22732666d50a_Date">
            <a:extLst>
              <a:ext uri="{FF2B5EF4-FFF2-40B4-BE49-F238E27FC236}">
                <a16:creationId xmlns:a16="http://schemas.microsoft.com/office/drawing/2014/main" id="{2E349771-27B1-3879-C4C7-EE6AC8D43F5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7630289" y="1892832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Mar 10</a:t>
            </a:r>
            <a:endParaRPr lang="en-US" sz="900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M_0c58045c54c5475d8a029408f8db9ba3_Title">
            <a:extLst>
              <a:ext uri="{FF2B5EF4-FFF2-40B4-BE49-F238E27FC236}">
                <a16:creationId xmlns:a16="http://schemas.microsoft.com/office/drawing/2014/main" id="{71B7CE99-2DDD-9135-1D2F-E8515B3BA6DE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534739" y="970897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3 Kick-off</a:t>
            </a:r>
          </a:p>
        </p:txBody>
      </p:sp>
      <p:sp>
        <p:nvSpPr>
          <p:cNvPr id="534" name="OTLSHAPE_M_0c58045c54c5475d8a029408f8db9ba3_Date">
            <a:extLst>
              <a:ext uri="{FF2B5EF4-FFF2-40B4-BE49-F238E27FC236}">
                <a16:creationId xmlns:a16="http://schemas.microsoft.com/office/drawing/2014/main" id="{026A1807-AA52-51E6-7A6C-9E1AEBFA11E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2534739" y="1125922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Oct 14</a:t>
            </a:r>
          </a:p>
        </p:txBody>
      </p:sp>
      <p:sp>
        <p:nvSpPr>
          <p:cNvPr id="536" name="OTLSHAPE_M_85d6e238113242d1a12e2ae133af8e0c_Title">
            <a:extLst>
              <a:ext uri="{FF2B5EF4-FFF2-40B4-BE49-F238E27FC236}">
                <a16:creationId xmlns:a16="http://schemas.microsoft.com/office/drawing/2014/main" id="{9C7FA36E-C48F-99CE-3697-64975243DDB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366666" y="1737808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SR-LA-2 Completion</a:t>
            </a:r>
          </a:p>
        </p:txBody>
      </p:sp>
      <p:sp>
        <p:nvSpPr>
          <p:cNvPr id="537" name="OTLSHAPE_M_85d6e238113242d1a12e2ae133af8e0c_Date">
            <a:extLst>
              <a:ext uri="{FF2B5EF4-FFF2-40B4-BE49-F238E27FC236}">
                <a16:creationId xmlns:a16="http://schemas.microsoft.com/office/drawing/2014/main" id="{CFD89873-574C-4CC7-5F1F-7C341FC6A46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366666" y="1892832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250" name="OTLSHAPE_M_0c58045c54c5475d8a029408f8db9ba3_Variance" hidden="1">
            <a:extLst>
              <a:ext uri="{FF2B5EF4-FFF2-40B4-BE49-F238E27FC236}">
                <a16:creationId xmlns:a16="http://schemas.microsoft.com/office/drawing/2014/main" id="{B06B0334-D69A-D3F1-C622-1D2F5D08231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2" name="OTLSHAPE_M_2e0ebcb027d44e1e8d809703e215d8cb_Variance" hidden="1">
            <a:extLst>
              <a:ext uri="{FF2B5EF4-FFF2-40B4-BE49-F238E27FC236}">
                <a16:creationId xmlns:a16="http://schemas.microsoft.com/office/drawing/2014/main" id="{1E3E170E-CDC8-E3CA-8760-4D58ACC59E3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3" name="OTLSHAPE_M_85d6e238113242d1a12e2ae133af8e0c_Variance" hidden="1">
            <a:extLst>
              <a:ext uri="{FF2B5EF4-FFF2-40B4-BE49-F238E27FC236}">
                <a16:creationId xmlns:a16="http://schemas.microsoft.com/office/drawing/2014/main" id="{1DED513F-E124-3B8C-C00D-3561A5AB01AA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4" name="OTLSHAPE_M_7aef3ec69c9c46e9bf1461e446eb9974_Variance" hidden="1">
            <a:extLst>
              <a:ext uri="{FF2B5EF4-FFF2-40B4-BE49-F238E27FC236}">
                <a16:creationId xmlns:a16="http://schemas.microsoft.com/office/drawing/2014/main" id="{4A06B80E-210F-FD6A-D1FF-47C0DC7C32F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5" name="OTLSHAPE_M_4fa236a2e26f429a8e76dfaaaa827247_Variance" hidden="1">
            <a:extLst>
              <a:ext uri="{FF2B5EF4-FFF2-40B4-BE49-F238E27FC236}">
                <a16:creationId xmlns:a16="http://schemas.microsoft.com/office/drawing/2014/main" id="{6176B8B8-982B-685F-2CE1-51A4087466C1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6" name="OTLSHAPE_M_a5481202fa924bcc96ea3e71b225b393_Variance" hidden="1">
            <a:extLst>
              <a:ext uri="{FF2B5EF4-FFF2-40B4-BE49-F238E27FC236}">
                <a16:creationId xmlns:a16="http://schemas.microsoft.com/office/drawing/2014/main" id="{AB7860A2-A87F-C2A6-4492-1ED11E7EC08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8" name="OTLSHAPE_M_ced69b590ab444dfab5c22732666d50a_Variance" hidden="1">
            <a:extLst>
              <a:ext uri="{FF2B5EF4-FFF2-40B4-BE49-F238E27FC236}">
                <a16:creationId xmlns:a16="http://schemas.microsoft.com/office/drawing/2014/main" id="{39B5359D-4C57-F061-3D5C-1CC83D4025F2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128765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47493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W4tVVMiLCJTdHlsZU5hbWUiOm51bGwsIlZlcnNpb24iOnsiJGlkIjoiMiIsIlZlcnNpb24iOiI1LjYuMCIsIk9yaWdpbmFsQXNzZW1ibHlWZXJzaW9uIjoiMTEuMTYuMDAuMDAiLCJFZGl0aW9uIjpudWxsLCJMYXN0U2F2ZWRFZGl0aW9uIjo0LCJJc1BsdXNFZGl0aW9uIjpmYWxzZSwiSXNQcm9FZGl0aW9uIjpmYWxzZX0sIkVmZmVjdCI6MS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Q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ODksIlIiOjAsIkciOjAsIkIiOjB9fSwiSXNWaXNpYmxlIjp0cnVlLCJXaWR0aCI6MC4wLCJIZWlnaHQiOjAuMCwiQm9yZGVyU3R5bGUiOnsiJGlkIjoiNzciLCJMaW5lQ29sb3IiOm51bGwsIkxpbmVXZWlnaHQiOjAuMCwiTGluZVR5cGUiOjAsIlBhcmVudFN0eWxlIjpudWxsfSwiUGFyZW50U3R5bGUiOm51bGx9LCJUb2RheU1hcmtlcl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nsiJGlkIjoiMTM5IiwiTGluZUNvbG9yIjpudWxsLCJMaW5lV2VpZ2h0IjowLjAsIkxpbmVUeXBlIjowLCJQYXJlbnRTdHlsZSI6bnVsbH0sIlBhcmVudFN0eWxlIjpudWxsfSwiRGF0ZVN0eWxlIjp7IiRpZCI6IjE0MCIsIkZvbnRTZXR0aW5ncyI6eyIkaWQiOiIxNDEiLCJGb250U2l6ZSI6OSwiRm9udE5hbWUiOiJDYWxpYnJpIiwiSXNCb2xkIjpmYWxzZSwiSXNJdGFsaWMiOmZhbHNlLCJJc1VuZGVybGluZWQiOmZhbHNlLCJQYXJlbnRTdHlsZSI6bnVsbH0sIkF1dG9TaXplIjowLCJGb3JlZ3JvdW5kIjp7IiRpZCI6IjE0MiIsIkNvbG9yIjp7IiRpZCI6IjE0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g5LCJSIjowLCJHIjowLCJCIjowfX0sIklzVmlzaWJsZSI6dHJ1ZSwiV2lkdGgiOjAuMCwiSGVpZ2h0IjowLjAsIkJvcmRlclN0eWxlIjp7IiRpZCI6IjE0OCIsIkxpbmVDb2xvciI6bnVsbCwiTGluZVdlaWdodCI6MC4wLCJMaW5lVHlwZSI6MCwiUGFyZW50U3R5bGUiOm51bGx9LCJQYXJlbnRTdHlsZSI6bnVsbH0sIkRhdGVGb3JtYXQiOnsiJGlkIjoiM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CIsIkZvcm1hdCI6MCwiSXNWaXNpYmxlIjpmYWxzZSwiTGFzdEtub3duVmlzaWJpbGl0eVN0YXRlIjpmYWxzZX0sIklzVmlzaWJsZSI6dHJ1ZSwiVmFyaWFuY2VTdHlsZSI6eyIkaWQiOiIxNTEiLCJUZXh0U3R5bGUiOnsiJGlkIjoiMTUyIiwiRm9udFNldHRpbmdzIjp7IiRpZCI6IjE1MyIsIkZvbnRTaXplIjoxMSwiRm9udE5hbWUiOiJDYWxpYnJpIiwiSXNCb2xkIjpmYWxz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GlkIjoiMTkxIiwiQSI6ODksIlIiOjAsIkciOjAsIkIiOjB9fSwiSXNWaXNpYmxlIjp0cnV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0IiwiRm9ybWF0IjowLCJJc1Zpc2libGUiOmZhbHNlLCJMYXN0S25vd25WaXNpYmlsaXR5U3RhdGUiOmZhbHNlfSwiSXNWaXNpYmxlIjp0cnVlLCJWYXJpYW5jZVN0eWxlIjp7IiRpZCI6IjE5NSIsIlRleHRTdHlsZSI6eyIkaWQiOiIxOTYiLCJGb250U2V0dGluZ3MiOnsiJGlkIjoiMTk3IiwiRm9udFNpemUiOjExLCJGb250TmFtZSI6IkNhbGlicmkiLCJJc0JvbGQiOmZhbHNlLCJJc0l0YWxpYyI6ZmFsc2UsIklzVW5kZXJsaW5lZCI6ZmFsc2UsIlBhcmVudFN0eWxlIjpudWxsfSwiQXV0b1NpemUiOjAsIkZvcmVncm91bmQiOnsiJGlkIjoiMTk4IiwiQ29sb3IiOnsiJGlkIjoiMT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YyIiwiVG9wIjowLjAsIkxlZnQiOjAuMCwiUmlnaHQiOjAuMCwiQm90dG9tIjowLjB9LCJQYWRkaW5nIjp7IiRpZCI6IjI2MyIsIlRvcCI6MC4wLCJMZWZ0IjowLjAsIlJpZ2h0IjowLjAsIkJvdHRvbSI6MC4wfSwiQmFja2dyb3VuZCI6eyIkaWQiOiIyNjQiLCJDb2xvciI6eyIkaWQiOiIyNjUiLCJBIjo4OSwiUiI6MCwiRyI6MCwiQiI6MH19LCJJc1Zpc2libGUiOnRydWUsIldpZHRoIjowLjAsIkhlaWdodCI6MC4wLCJCb3JkZXJTdHlsZSI6eyIkaWQiOiIyNjYiLCJMaW5lQ29sb3IiOm51bGwsIkxpbmVXZWlnaHQiOjAuMCwiTGluZVR5cGUiOjAsIlBhcmVudFN0eWxlIjpudWxsfSwiUGFyZW50U3R5bGUiOm51bGx9LCJEYXRlRm9ybWF0Ijp7IiRpZCI6IjI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giLCJGb3JtYXQiOjAsIklzVmlzaWJsZSI6ZmFsc2UsIkxhc3RLbm93blZpc2liaWxpdHlTdGF0ZSI6ZmFsc2V9LCJJc1Zpc2libGUiOnRydWUsIlZhcmlhbmNlU3R5bGUiOnsiJGlkIjoiMjY5IiwiVGV4dFN0eWxlIjp7IiRpZCI6IjI3MCIsIkZvbnRTZXR0aW5ncyI6eyIkaWQiOiIyNzEiLCJGb250U2l6ZSI6MTEsIkZvbnROYW1lIjoiQ2FsaWJyaSIsIklzQm9sZCI6ZmFsc2UsIklzSXRhbGljIjpmYWxzZSwiSXNVbmRlcmxpbmVkIjpmYWxzZSwiUGFyZW50U3R5bGUiOm51bGx9LCJBdXRvU2l6ZSI6MCwiRm9yZWdyb3VuZCI6eyIkaWQiOiIyNzIiLCJDb2xvciI6eyIkaWQiOiIy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4OSwiUiI6MCwiRyI6MCwiQiI6MH19LCJJc1Zpc2libGUiOnRydWUsIldpZHRoIjowLjAsIkhlaWdodCI6MC4wLCJCb3JkZXJTdHlsZSI6eyIkaWQiOiIzOTMiLCJMaW5lQ29sb3IiOm51bGwsIkxpbmVXZWlnaHQiOjAuMCwiTGluZVR5cGUiOjAsIlBhcmVudFN0eWxlIjpudWxsfSwiUGFyZW50U3R5bGUiOm51bGx9LCJEYXRlRm9ybWF0Ijp7IiRpZCI6IjM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UiLCJGb3JtYXQiOjAsIklzVmlzaWJsZSI6ZmFsc2UsIkxhc3RLbm93blZpc2liaWxpdHlTdGF0ZSI6ZmFsc2V9LCJJc1Zpc2libGUiOnRydWUsIlZhcmlhbmNlU3R5bGUiOnsiJGlkIjoiMzk2IiwiVGV4dFN0eWxlIjp7IiRpZCI6IjM5NyIsIkZvbnRTZXR0aW5ncyI6eyIkaWQiOiIzOTgiLCJGb250U2l6ZSI6MTEsIkZvbnROYW1lIjoiQ2FsaWJyaSIsIklzQm9sZCI6ZmFsc2UsIklzSXRhbGljIjpmYWxzZSwiSXNVbmRlcmxpbmVkIjpmYWxzZSwiUGFyZW50U3R5bGUiOm51bGx9LCJBdXRvU2l6ZSI6MCwiRm9yZWdyb3VuZCI6eyIkaWQiOiIzOTkiLCJDb2xvciI6eyIkaWQiOiI0M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aWQiOiI0MDQiLCJBIjowLCJSIjowLCJHIjowLCJCIjowfX0sIklzVmlzaWJsZSI6dHJ1ZSwiV2lkdGgiOjAuMCwiSGVpZ2h0IjowLjAsIkJvcmRlclN0eWxlIjp7IiRpZCI6IjQwNSIsIkxpbmVDb2xvciI6bnVsbCwiTGluZVdlaWdodCI6MC4wLCJMaW5lVHlwZSI6MCwiUGFyZW50U3R5bGUiOm51bGx9LCJQYXJlbnRTdHlsZSI6bnVsbH0sIlBhcmVudFN0eWxlIjpudWxsfSwiUGFyZW50U3R5bGUiOm51bGwsIl9leHBsaWNpdGx5U2V0Ijp7IiRpZCI6IjQwN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0MzQiLCJUb3AiOjAuMCwiTGVmdCI6MC4wLCJSaWdodCI6MC4wLCJCb3R0b20iOjAuMH0sIlBhZGRpbmciOnsiJGlkIjoiNDM1IiwiVG9wIjowLjAsIkxlZnQiOjAuMCwiUmlnaHQiOjAuMCwiQm90dG9tIjowLjB9LCJCYWNrZ3JvdW5kIjp7IiRpZCI6IjQzNiIsIkNvbG9yIjp7IiRpZCI6IjQzNyIsIkEiOjg5LCJSIjowLCJHIjowLCJCIjowfX0sIklzVmlzaWJsZSI6dHJ1ZSwiV2lkdGgiOjAuMCwiSGVpZ2h0IjowLjAsIkJvcmRlclN0eWxlIjp7IiRpZCI6IjQzOCIsIkxpbmVDb2xvciI6bnVsbCwiTGluZVdlaWdodCI6MC4wLCJMaW5lVHlwZSI6MCwiUGFyZW50U3R5bGUiOm51bGx9LCJQYXJlbnRTdHlsZSI6bnVsbH0sIkRhdGVGb3JtYXQiOnsiJGlkIjoiND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CIsIkZvcm1hdCI6MCwiSXNWaXNpYmxlIjpmYWxzZSwiTGFzdEtub3duVmlzaWJpbGl0eVN0YXRlIjpmYWxzZX0sIklzVmlzaWJsZSI6dHJ1ZSwiVmFyaWFuY2VTdHlsZSI6eyIkaWQiOiI0NDEiLCJUZXh0U3R5bGUiOnsiJGlkIjoiNDQyIiwiRm9udFNldHRpbmdzIjp7IiRpZCI6IjQ0MyIsIkZvbnRTaXplIjoxMSwiRm9udE5hbWUiOiJDYWxpYnJpIiwiSXNCb2xkIjpmYWxzZSwiSXNJdGFsaWMiOmZhbHNlLCJJc1VuZGVybGluZWQiOmZhbHNlLCJQYXJlbnRTdHlsZSI6bnVsbH0sIkF1dG9TaXplIjowLCJGb3JlZ3JvdW5kIjp7IiRpZCI6IjQ0NCIsIkNvbG9yIjp7IiRpZCI6IjQ0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4OSwiUiI6MCwiRyI6MCwiQiI6MH19LCJJc1Zpc2libGUiOnRydWUsIldpZHRoIjowLjAsIkhlaWdodCI6MC4wLCJCb3JkZXJTdHlsZSI6eyIkaWQiOiI0NzciLCJMaW5lQ29sb3IiOm51bGwsIkxpbmVXZWlnaHQiOjAuMCwiTGluZVR5cGUiOjAsIlBhcmVudFN0eWxlIjpudWxsfSwiUGFyZW50U3R5bGUiOm51bGx9LCJEYXRlRm9ybWF0Ijp7IiRpZCI6IjQ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kiLCJGb3JtYXQiOjAsIklzVmlzaWJsZSI6ZmFsc2UsIkxhc3RLbm93blZpc2liaWxpdHlTdGF0ZSI6ZmFsc2V9LCJJc1Zpc2libGUiOnRydWUsIlZhcmlhbmNlU3R5bGUiOnsiJGlkIjoiNDgwIiwiVGV4dFN0eWxlIjp7IiRpZCI6IjQ4MSIsIkZvbnRTZXR0aW5ncyI6eyIkaWQiOiI0ODIiLCJGb250U2l6ZSI6MTEsIkZvbnROYW1lIjoiQ2FsaWJyaSIsIklzQm9sZCI6ZmFsc2UsIklzSXRhbGljIjpmYWxzZSwiSXNVbmRlcmxpbmVkIjpmYWxzZSwiUGFyZW50U3R5bGUiOm51bGx9LCJBdXRvU2l6ZSI6MCwiRm9yZWdyb3VuZCI6eyIkaWQiOiI0ODMiLCJDb2xvciI6eyIkaWQiOiI0O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4IiwiRm9ybWF0IjowLCJJc1Zpc2libGUiOmZhbHNlLCJMYXN0S25vd25WaXNpYmlsaXR5U3RhdGUiOmZhbHNlfSwiSXNWaXNpYmxlIjp0cnVlLCJWYXJpYW5jZVN0eWxlIjp7IiRpZCI6IjYxOSIsIlRleHRTdHlsZSI6eyIkaWQiOiI2MjAiLCJGb250U2V0dGluZ3MiOnsiJGlkIjoiNjIxIiwiRm9udFNpemUiOjExLCJGb250TmFtZSI6IkNhbGlicmkiLCJJc0JvbGQiOmZhbHNlLCJJc0l0YWxpYyI6ZmFsc2UsIklzVW5kZXJsaW5lZCI6ZmFsc2UsIlBhcmVudFN0eWxlIjpudWxsfSwiQXV0b1NpemUiOjAsIkZvcmVncm91bmQiOnsiJGlkIjoiNjIyIiwiQ29sb3IiOnsiJGlkIjoiNjI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2IiwiRm9ybWF0IjowLCJJc1Zpc2libGUiOmZhbHNlLCJMYXN0S25vd25WaXNpYmlsaXR5U3RhdGUiOmZhbHNlfSwiSXNWaXNpYmxlIjp0cnVlLCJWYXJpYW5jZVN0eWxlIjp7IiRpZCI6IjY2NyIsIlRleHRTdHlsZSI6eyIkaWQiOiI2NjgiLCJGb250U2V0dGluZ3MiOnsiJGlkIjoiNjY5IiwiRm9udFNpemUiOjExLCJGb250TmFtZSI6IkNhbGlicmkiLCJJc0JvbGQiOmZhbHNlLCJJc0l0YWxpYyI6ZmFsc2UsIklzVW5kZXJsaW5lZCI6ZmFsc2UsIlBhcmVudFN0eWxlIjpudWxsfSwiQXV0b1NpemUiOjAsIkZvcmVncm91bmQiOnsiJGlkIjoiNjcwIiwiQ29sb3IiOnsiJGlkIjoiNjc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NCIsIkZvcm1hdCI6MCwiSXNWaXNpYmxlIjpmYWxzZSwiTGFzdEtub3duVmlzaWJpbGl0eVN0YXRlIjpmYWxzZX0sIklzVmlzaWJsZSI6dHJ1ZSwiVmFyaWFuY2VTdHlsZSI6eyIkaWQiOiI3MTUiLCJUZXh0U3R5bGUiOnsiJGlkIjoiNzE2IiwiRm9udFNldHRpbmdzIjp7IiRpZCI6IjcxNyIsIkZvbnRTaXplIjoxMSwiRm9udE5hbWUiOiJDYWxpYnJpIiwiSXNCb2xkIjpmYWxzZSwiSXNJdGFsaWMiOmZhbHNlLCJJc1VuZGVybGluZWQiOmZhbHNlLCJQYXJlbnRTdHlsZSI6bnVsbH0sIkF1dG9TaXplIjowLCJGb3JlZ3JvdW5kIjp7IiRpZCI6IjcxOCIsIkNvbG9yIjp7IiRpZCI6Ijcx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iIsIkZvcm1hdCI6MCwiSXNWaXNpYmxlIjpmYWxzZSwiTGFzdEtub3duVmlzaWJpbGl0eVN0YXRlIjpmYWxzZX0sIklzVmlzaWJsZSI6dHJ1ZSwiVmFyaWFuY2VTdHlsZSI6eyIkaWQiOiI3NjMiLCJUZXh0U3R5bGUiOnsiJGlkIjoiNzY0IiwiRm9udFNldHRpbmdzIjp7IiRpZCI6Ijc2NSIsIkZvbnRTaXplIjoxMSwiRm9udE5hbWUiOiJDYWxpYnJpIiwiSXNCb2xkIjpmYWxzZSwiSXNJdGFsaWMiOmZhbHNlLCJJc1VuZGVybGluZWQiOmZhbHNlLCJQYXJlbnRTdHlsZSI6bnVsbH0sIkF1dG9TaXplIjowLCJGb3JlZ3JvdW5kIjp7IiRpZCI6Ijc2NiIsIkNvbG9yIjp7IiRpZCI6Ijc2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jgiLCJUb3AiOjAuMCwiTGVmdCI6MC4wLCJSaWdodCI6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AsIlIiOjI1NSwiRyI6MjU1LCJCIjoyNTV9fSwiSXNWaXNpYmxlIjp0cnVlLCJXaWR0aCI6MC4wLCJIZWlnaHQiOjAuMCwiQm9yZGVyU3R5bGUiOnsiJGlkIjoiODA4IiwiTGluZUNvbG9yIjpudWxsLCJMaW5lV2VpZ2h0IjowLjAsIkxpbmVUeXBlIjowLCJQYXJlbnRTdHlsZSI6bnVsbH0sIlBhcmVudFN0eWxlIjpudWxsfSwiRGF0ZUZvcm1hdCI6eyIkaWQiOiI4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wIiwiRm9ybWF0IjowLCJJc1Zpc2libGUiOmZhbHNlLCJMYXN0S25vd25WaXNpYmlsaXR5U3RhdGUiOmZhbHNlfSwiSXNWaXNpYmxlIjp0cnVlLCJWYXJpYW5jZVN0eWxlIjp7IiRpZCI6IjgxMSIsIlRleHRTdHlsZSI6eyIkaWQiOiI4MTIiLCJGb250U2V0dGluZ3MiOnsiJGlkIjoiODEzIiwiRm9udFNpemUiOjExLCJGb250TmFtZSI6IkNhbGlicmkiLCJJc0JvbGQiOmZhbHNlLCJJc0l0YWxpYyI6ZmFsc2UsIklzVW5kZXJsaW5lZCI6ZmFsc2UsIlBhcmVudFN0eWxlIjpudWxsfSwiQXV0b1NpemUiOjAsIkZvcmVncm91bmQiOnsiJGlkIjoiODE0IiwiQ29sb3IiOnsiJGlkIjoiODE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OCIsIkZvcm1hdCI6MCwiSXNWaXNpYmxlIjpmYWxzZSwiTGFzdEtub3duVmlzaWJpbGl0eVN0YXRlIjpmYWxzZX0sIklzVmlzaWJsZSI6dHJ1ZSwiVmFyaWFuY2VTdHlsZSI6eyIkaWQiOiI4NTkiLCJUZXh0U3R5bGUiOnsiJGlkIjoiODYwIiwiRm9udFNldHRpbmdzIjp7IiRpZCI6Ijg2MSIsIkZvbnRTaXplIjoxMSwiRm9udE5hbWUiOiJDYWxpYnJpIiwiSXNCb2xkIjpmYWxzZSwiSXNJdGFsaWMiOmZhbHNlLCJJc1VuZGVybGluZWQiOmZhbHNlLCJQYXJlbnRTdHlsZSI6bnVsbH0sIkF1dG9TaXplIjowLCJGb3JlZ3JvdW5kIjp7IiRpZCI6Ijg2MiIsIkNvbG9yIjp7IiRpZCI6Ijg2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NiIsIkZvcm1hdCI6MCwiSXNWaXNpYmxlIjpmYWxzZSwiTGFzdEtub3duVmlzaWJpbGl0eVN0YXRlIjpmYWxzZX0sIklzVmlzaWJsZSI6dHJ1ZSwiVmFyaWFuY2VTdHlsZSI6eyIkaWQiOiI5MDciLCJUZXh0U3R5bGUiOnsiJGlkIjoiOTA4IiwiRm9udFNldHRpbmdzIjp7IiRpZCI6IjkwOSIsIkZvbnRTaXplIjoxMSwiRm9udE5hbWUiOiJDYWxpYnJpIiwiSXNCb2xkIjpmYWxzZSwiSXNJdGFsaWMiOmZhbHNlLCJJc1VuZGVybGluZWQiOmZhbHNlLCJQYXJlbnRTdHlsZSI6bnVsbH0sIkF1dG9TaXplIjowLCJGb3JlZ3JvdW5kIjp7IiRpZCI6IjkxMCIsIkNvbG9yIjp7IiRpZCI6Ijkx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xIiwiRm9ybWF0IjowLCJJc1Zpc2libGUiOmZhbHNlLCJMYXN0S25vd25WaXNpYmlsaXR5U3RhdGUiOmZhbHNlfSwiSXNWaXNpYmxlIjp0cnVlLCJWYXJpYW5jZVN0eWxlIjp7IiRpZCI6Ijk4MiIsIlRleHRTdHlsZSI6eyIkaWQiOiI5ODMiLCJGb250U2V0dGluZ3MiOnsiJGlkIjoiOTg0IiwiRm9udFNpemUiOjExLCJGb250TmFtZSI6IkNhbGlicmkiLCJJc0JvbGQiOmZhbHNlLCJJc0l0YWxpYyI6ZmFsc2UsIklzVW5kZXJsaW5lZCI6ZmFsc2UsIlBhcmVudFN0eWxlIjpudWxsfSwiQXV0b1NpemUiOjAsIkZvcmVncm91bmQiOnsiJGlkIjoiOTg1IiwiQ29sb3IiOnsiJGlkIjoiOTg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YiLCJGb3JtYXQiOjAsIklzVmlzaWJsZSI6ZmFsc2UsIkxhc3RLbm93blZpc2liaWxpdHlTdGF0ZSI6ZmFsc2V9LCJJc1Zpc2libGUiOnRydWUsIlZhcmlhbmNlU3R5bGUiOnsiJGlkIjoiMTA1NyIsIlRleHRTdHlsZSI6eyIkaWQiOiIxMDU4IiwiRm9udFNldHRpbmdzIjp7IiRpZCI6IjEwNTkiLCJGb250U2l6ZSI6MTEsIkZvbnROYW1lIjoiQ2FsaWJyaSIsIklzQm9sZCI6ZmFsc2UsIklzSXRhbGljIjpmYWxzZSwiSXNVbmRlcmxpbmVkIjpmYWxzZSwiUGFyZW50U3R5bGUiOm51bGx9LCJBdXRvU2l6ZSI6MCwiRm9yZWdyb3VuZCI6eyIkaWQiOiIxMDYwIiwiQ29sb3IiOnsiJGlkIjoiMTA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xIiwiRm9ybWF0IjowLCJJc1Zpc2libGUiOmZhbHNlLCJMYXN0S25vd25WaXNpYmlsaXR5U3RhdGUiOmZhbHNlfSwiSXNWaXNpYmxlIjp0cnVlLCJWYXJpYW5jZVN0eWxlIjp7IiRpZCI6IjExMzIiLCJUZXh0U3R5bGUiOnsiJGlkIjoiMTEzMyIsIkZvbnRTZXR0aW5ncyI6eyIkaWQiOiIxMTM0IiwiRm9udFNpemUiOjExLCJGb250TmFtZSI6IkNhbGlicmkiLCJJc0JvbGQiOmZhbHNlLCJJc0l0YWxpYyI6ZmFsc2UsIklzVW5kZXJsaW5lZCI6ZmFsc2UsIlBhcmVudFN0eWxlIjpudWxsfSwiQXV0b1NpemUiOjAsIkZvcmVncm91bmQiOnsiJGlkIjoiMTEzNSIsIkNvbG9yIjp7IiRpZCI6IjExM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GlkIjoiMTIwMyIsIkEiOjAsIlIiOjI1NSwiRyI6MjU1LCJCIjoyNTV9fSwiSXNWaXNpYmxlIjp0cnVlLCJXaWR0aCI6MC4wLCJIZWlnaHQiOjAuMCwiQm9yZGVyU3R5bGUiOnsiJGlkIjoiMTIwNCIsIkxpbmVDb2xvciI6bnVsbCwiTGluZVdlaWdodCI6MC4wLCJMaW5lVHlwZSI6MCwiUGFyZW50U3R5bGUiOm51bGx9LCJQYXJlbnRTdHlsZSI6bnVsbH0sIkRhdGVGb3JtYXQiOnsiJGlkIjoiMTI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A2IiwiRm9ybWF0IjowLCJJc1Zpc2libGUiOmZhbHNlLCJMYXN0S25vd25WaXNpYmlsaXR5U3RhdGUiOmZhbHNlfSwiSXNWaXNpYmxlIjp0cnVlLCJWYXJpYW5jZVN0eWxlIjp7IiRpZCI6IjEyMDciLCJUZXh0U3R5bGUiOnsiJGlkIjoiMTIwOCIsIkZvbnRTZXR0aW5ncyI6eyIkaWQiOiIxMjA5IiwiRm9udFNpemUiOjExLCJGb250TmFtZSI6IkNhbGlicmkiLCJJc0JvbGQiOmZhbHNlLCJJc0l0YWxpYyI6ZmFsc2UsIklzVW5kZXJsaW5lZCI6ZmFsc2UsIlBhcmVudFN0eWxlIjpudWxsfSwiQXV0b1NpemUiOjAsIkZvcmVncm91bmQiOnsiJGlkIjoiMTIxMCIsIkNvbG9yIjp7IiRpZCI6IjEyM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xIiwiRm9ybWF0IjowLCJJc1Zpc2libGUiOmZhbHNlLCJMYXN0S25vd25WaXNpYmlsaXR5U3RhdGUiOmZhbHNlfSwiSXNWaXNpYmxlIjp0cnVlLCJWYXJpYW5jZVN0eWxlIjp7IiRpZCI6IjEyODIiLCJUZXh0U3R5bGUiOnsiJGlkIjoiMTI4MyIsIkZvbnRTZXR0aW5ncyI6eyIkaWQiOiIxMjg0IiwiRm9udFNpemUiOjExLCJGb250TmFtZSI6IkNhbGlicmkiLCJJc0JvbGQiOmZhbHNlLCJJc0l0YWxpYyI6ZmFsc2UsIklzVW5kZXJsaW5lZCI6ZmFsc2UsIlBhcmVudFN0eWxlIjpudWxsfSwiQXV0b1NpemUiOjAsIkZvcmVncm91bmQiOnsiJGlkIjoiMTI4NSIsIkNvbG9yIjp7IiRpZCI6IjEyO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TYiLCJGb3JtYXQiOjAsIklzVmlzaWJsZSI6ZmFsc2UsIkxhc3RLbm93blZpc2liaWxpdHlTdGF0ZSI6ZmFsc2V9LCJJc1Zpc2libGUiOnRydWUsIlZhcmlhbmNlU3R5bGUiOnsiJGlkIjoiMTM1NyIsIlRleHRTdHlsZSI6eyIkaWQiOiIxMzU4IiwiRm9udFNldHRpbmdzIjp7IiRpZCI6IjEzNTkiLCJGb250U2l6ZSI6MTEsIkZvbnROYW1lIjoiQ2FsaWJyaSIsIklzQm9sZCI6ZmFsc2UsIklzSXRhbGljIjpmYWxzZSwiSXNVbmRlcmxpbmVkIjpmYWxzZSwiUGFyZW50U3R5bGUiOm51bGx9LCJBdXRvU2l6ZSI6MCwiRm9yZWdyb3VuZCI6eyIkaWQiOiIxMzYwIiwiQ29sb3IiOnsiJGlkIjoiMTM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xIiwiRm9ybWF0IjowLCJJc1Zpc2libGUiOmZhbHNlLCJMYXN0S25vd25WaXNpYmlsaXR5U3RhdGUiOmZhbHNlfSwiSXNWaXNpYmxlIjp0cnVlLCJWYXJpYW5jZVN0eWxlIjp7IiRpZCI6IjE0MzIiLCJUZXh0U3R5bGUiOnsiJGlkIjoiMTQzMyIsIkZvbnRTZXR0aW5ncyI6eyIkaWQiOiIxNDM0IiwiRm9udFNpemUiOjExLCJGb250TmFtZSI6IkNhbGlicmkiLCJJc0JvbGQiOmZhbHNlLCJJc0l0YWxpYyI6ZmFsc2UsIklzVW5kZXJsaW5lZCI6ZmFsc2UsIlBhcmVudFN0eWxlIjpudWxsfSwiQXV0b1NpemUiOjAsIkZvcmVncm91bmQiOnsiJGlkIjoiMTQzNSIsIkNvbG9yIjp7IiRpZCI6IjE0M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5MixcIkdcIjo4MCxcIkJcIjo3N3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5MixcIkdcIjo4MCxcIkJcIjo3N319LFwiSG9yaXpvbnRhbEFsaWdubWVudFwiOjAsXCJJc1Zpc2libGVcIjp0cnVlfSxcIlRvZGF5TWFya2VyU3R5bGVcIjp7XCIkaWRcIjpcIjEzXCIsXCJUb2RheVRleHRTdHlsZVwiOntcIiRpZFwiOlwiMTRcIixcIkZvbnRTZXR0aW5nc1wiOntcIiRpZFwiOlwiMTVcIixcIkZvbnRTaXplXCI6MTE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A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xMTksXCJHXCI6MCxcIkJcIjoxNzh9fSxcIklzVmlzaWJsZVwiOnRydWUsXCJXaWR0aFwiOjA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E0OCxcIkdcIjowLFwiQlwiOjE3OH19LFwiSXNWaXNpYmxlXCI6ZmFsc2UsXCJXaWR0aFwiOjAuMCxcIkhlaWdodFwiOjAuMCxcIkJvcmRlclN0eWxlXCI6bnVsbH0sXCJUYXNrU3R5bGVcIjp7XCIkaWRcIjpcIjQ0XCIsXCJTaGFwZVwiOjQsXCJTaGFwZVRoaWNrbmVzc1wiOjIsXCJEdXJhdGlvbkZvcm1hdFwiOjU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IsXCJGb250TmFtZVwiOlwiQ2FsaWJyaVwiLFwiSXNCb2xkXCI6ZmFsc2UsXCJJc0l0YWxpY1wiOmZhbHNlLFwiSXNVbmRlcmxpbmVkXCI6ZmFsc2V9LFwiRm9yZWdyb3VuZFwiOntcIiRpZFwiOlwiNTRcIixcIkNvbG9yXCI6e1wiJGlkXCI6XCI1NVwiLFwiQVwiOjI1NSxcIlJcIjoxNzgsXCJHXCI6MTQsXCJCXCI6MTh9fSxcIkhvcml6b250YWxBbGlnbm1lbnRcIjowLFwiSXNWaXNpYmxlXCI6dHJ1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S4wLFwiTGluZVR5cGVcIjowfSxcIklzVmlzaWJsZVwiOnRydWV9LFwiTWFyZ2luXCI6e1wiJGlkXCI6XCI2NFwiLFwiVG9wXCI6MC4wLFwiTGVmdFwiOjAuMCxcIlJpZ2h0XCI6MC4wLFwiQm90dG9tXCI6MC4wfSxcIlN0YXJ0RGF0ZVBvc2l0aW9uXCI6MCxcIkVuZERhdGVQb3NpdGlvblwiOjAsXCJUaXRsZVBvc2l0aW9uXCI6MixcIkR1cmF0aW9uUG9zaXRpb25cIjoxLFwiUGVyY2VudGFnZUNvbXBsZXRlZFBvc2l0aW9uXCI6MCxcIlZhcmlhbmNlUG9zaXRpb25cIjoyLFwiU3BhY2luZ1wiOjEwLFwiSXNCZWxvd1RpbWViYW5kXCI6dHJ1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A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1MSxcIlJcIjoyMjgsXCJHXCI6MCxcIkJcIjo4OX19LFwiSXNWaXNpYmxlXCI6dHJ1ZSxcIldpZHRoXCI6MC4wLFwiSGVpZ2h0XCI6MC4wLFwiQm9yZGVyU3R5bGVcIjp7XCIkaWRcIjpcIjE3MVwiLFwiTGluZVN0eWxlXCI6e1wiJGlkXCI6XCIxNzJcIixcIkxpbmVDb2xvclwiOntcIiRpZFwiOlwiMTczXCIsXCJDb2xvclwiOntcIiRpZFwiOlwiMTc0XCIsXCJBXCI6MjU1LFwiUlwiOjI1NSxcIkdcIjowLFwiQlwiOjB9fSxcIkxpbmVXZWlnaHRcIjowLjAsXCJMaW5lVHlwZVwiOjB9LFwiSXNWaXNpYmxlXCI6ZmFsc2V9fSxcIklzQWJvdmVUaW1lYmFuZFwiOmZhbHNlLFwiU3BhY2luZ1wiOjI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yOCxcIkdcIjowLFwiQlwiOjg5fX0sXCJJc1Zpc2libGVcIjp0cnVlLFwiV2lkdGhcIjowLjAsXCJIZWlnaHRcIjowLjAsXCJCb3JkZXJTdHlsZVwiOntcIiRpZFwiOlwiMTg2XCIsXCJMaW5lU3R5bGVcIjp7XCIkaWRcIjpcIjE4N1wiLFwiTGluZUNvbG9yXCI6e1wiJGlkXCI6XCIxODhcIixcIkNvbG9yXCI6e1wiJGlkXCI6XCIxODlcIixcIkFcIjoyNTUsXCJSXCI6MjU1LFwiR1wiOjAsXCJCXCI6MH19LFwiTGluZVdlaWdodFwiOjAuMCxcIkxpbmVUeXBlXCI6MH0sXCJJc1Zpc2libGVcIjpmYWxzZX19fSxcIkJhY2tncm91bmR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E4XCIsXCJGb3JtYXRcIjowLFwiSXNWaXNpYmxlXCI6ZmFsc2UsXCJMYXN0S25vd25WaXNpYmlsaXR5U3RhdGVcIjpmYWxzZX0sXCJWYXJpYW5jZVN0eWxlXCI6e1wiJGlkXCI6XCIyMTlcIixcIlZhcmlhbmNlVGV4dF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NDkiLCJVc2VUaW1lIjpmYWxzZSwiV29ya0RheVN0YXJ0IjoiMDA6MDA6MDAiLCJXb3JrRGF5RW5kIjoiMjM6NTk6MDAifSwiTGFzdFVzZWRUZW1wbGF0ZUlkIjoiYzM1ZDI3ODktMzE3OC00MjQ4LTgwNDgtZGIxZmYwZWZiMzViIiwiTGFzdFVzZWRUaGVtZURldGFpbHMiOnsiJGlkIjoiMTQ1MCIsIklkIjoiMDUyZGVlNzctNTRmOC00ODI3LWI5NzgtYWIxYWY4MWI4OTg5IiwiVGl0bGUiOiJVbnRpdGxlZCB0aGVtZSIsIkNhdGVnb3J5IjoyfSwiRmlyc3RXZWVrT2ZZZWFyIjowLCJQbGFjZU1pbGVzdG9uZUF0VGhlQmVnaW5uaW5nT2ZUaGVEYXkiOmZhbHNlLCJEZXBlbmRlbmN5U2NoZWR1bGluZ1NldHRpbmdzIjp7IiRpZCI6IjE0NTE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QbGFubmVkTW9kdWxlRW5hYmxlZCI6ZmFsc2UsIk9sZEZpeGVkSW50ZXJ2YWxzUmVuZGVyaW5nU3RyYXRlZ3lVc2VkQmVmb3Jl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4 Kick-off"/>
  <p:tag name="OTLDATE" val="2025-10-23T23:59:00.0000000"/>
  <p:tag name="OTLBASELINEDATE" val="2025-10-23T23:59:00.000000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DI2023 Kick-off"/>
  <p:tag name="OTLDATE" val="2025-12-16T23:59:00.0000000"/>
  <p:tag name="OTLBASELINEDATE" val="2025-12-16T23:59:00.000000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5 Kick-off"/>
  <p:tag name="OTLPOSITIONONTASK" val="None"/>
  <p:tag name="OTLRELATEDTASKID" val="00000000-0000-0000-0000-000000000000"/>
  <p:tag name="OTLDATE" val="2026-01-06T23:59:00.0000000"/>
  <p:tag name="OTLBASELINEDATE" val="2026-01-06T23:59:00.000000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6 Kick-off"/>
  <p:tag name="OTLPOSITIONONTASK" val="None"/>
  <p:tag name="OTLRELATEDTASKID" val="00000000-0000-0000-0000-000000000000"/>
  <p:tag name="OTLDATE" val="2026-01-20T23:59:00.0000000"/>
  <p:tag name="OTLBASELINEDATE" val="2026-01-20T23:59:00.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ERAS Kick-off"/>
  <p:tag name="OTLDATE" val="2026-03-10T23:59:00.0000000"/>
  <p:tag name="OTLBASELINEDATE" val="2026-03-10T23:59:00.0000000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3 Kick-off"/>
  <p:tag name="OTLDATE" val="2025-10-14T23:59:00.0000000"/>
  <p:tag name="OTLBASELINEDATE" val="2025-10-14T23:59:00.0000000"/>
  <p:tag name="OTLPOSITIONONTASK" val="None"/>
  <p:tag name="OTLRELATEDTASKID" val="00000000-0000-0000-0000-00000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6-10-01T00:00:00.0000000Z"/>
  <p:tag name="OTLTIMEBANDENDDATE" val="2027-11-30T23:59:00.0000000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DEPENABLED" val="False"/>
  <p:tag name="OTLTIMEBANDWORKINGDAYS" val="Al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2 Completion"/>
  <p:tag name="OTLDATE" val="2025-11-07T23:59:00.0000000"/>
  <p:tag name="OTLBASELINEDATE" val="2025-11-07T23:59:00.0000000"/>
  <p:tag name="OTLPOSITIONONTASK" val="None"/>
  <p:tag name="OTLRELATEDTASKID" val="00000000-0000-0000-0000-000000000000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10"/>
  <p:tag name="OTLDURATIONFORMAT" val="day"/>
  <p:tag name="OTLSTARTDATE" val="2025-09-08T00:00:00.0000000Z"/>
  <p:tag name="OTLBASELINESTARTDATE" val="2025-09-08T00:00:00.0000000"/>
  <p:tag name="OTLENDDATE" val="2025-11-06T23:59:00.0000000Z"/>
  <p:tag name="OTLBASELINEENDDATE" val="2025-11-06T23:59:00.0000000"/>
  <p:tag name="OTLSHAPETHICKNESSTYPE" val="Custom"/>
  <p:tag name="OTLPERCENTAGE" val="1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10"/>
  <p:tag name="OTLDURATIONFORMAT" val="day"/>
  <p:tag name="OTLSTARTDATE" val="2025-10-20T00:00:00.0000000Z"/>
  <p:tag name="OTLENDDATE" val="2025-12-18T23:59:00.0000000Z"/>
  <p:tag name="OTLBASELINESTARTDATE" val="2025-10-20T00:00:00.0000000"/>
  <p:tag name="OTLBASELINEENDDATE" val="2025-12-18T23:59:00.0000000"/>
  <p:tag name="OTLSHAPETHICKNESSTYPE" val="Custom"/>
  <p:tag name="OTLPERCENTAGE" val="1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TARTDATE" val="2025-10-31T00:00:00.0000000Z"/>
  <p:tag name="OTLBASELINESTARTDATE" val="2025-10-31T00:00:00.0000000"/>
  <p:tag name="OTLENDDATE" val="2025-12-29T23:59:00.0000000Z"/>
  <p:tag name="OTLBASELINEENDDATE" val="2025-12-29T23:59:00.0000000"/>
  <p:tag name="OTLSHAPETHICKNESSTYPE" val="Custom"/>
  <p:tag name="OTLPERCENTAGE" val="1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Custom"/>
  <p:tag name="OTLBASELINEENDDATE" val="2026-05-13T23:59:00.0000000"/>
  <p:tag name="OTLBASELINESTARTDATE" val="2026-03-15T00:00:00.0000000"/>
  <p:tag name="OTLSTARTDATE" val="2026-03-15T00:00:00.0000000Z"/>
  <p:tag name="OTLENDDATE" val="2026-05-13T23:59:00.0000000"/>
  <p:tag name="OTLPERCENTAGE" val="7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Custom"/>
  <p:tag name="OTLSTARTDATE" val="2026-02-09T00:00:00.0000000Z"/>
  <p:tag name="OTLENDDATE" val="2026-04-09T23:59:00.0000000Z"/>
  <p:tag name="OTLBASELINESTARTDATE" val="2026-02-09T00:00:00.0000000"/>
  <p:tag name="OTLBASELINEENDDATE" val="2026-04-09T23:59:00.0000000"/>
  <p:tag name="OTLPERCENTAGE" val="1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Custom"/>
  <p:tag name="OTLENDDATE" val="2026-05-31T23:59:00.0000000Z"/>
  <p:tag name="OTLBASELINEENDDATE" val="2026-05-31T23:59:00.0000000"/>
  <p:tag name="OTLBASELINESTARTDATE" val="2026-04-02T00:00:00.0000000"/>
  <p:tag name="OTLPERCENTAGE" val="10"/>
  <p:tag name="OTLSTARTDATE" val="2026-04-02T00:00:00.0000000Z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10"/>
  <p:tag name="OTLDURATIONFORMAT" val="day"/>
  <p:tag name="OTLSHAPETHICKNESSTYPE" val="Custom"/>
  <p:tag name="OTLENDDATE" val="2026-06-15T23:59:00.0000000Z"/>
  <p:tag name="OTLBASELINEENDDATE" val="2026-06-15T23:59:00.0000000"/>
  <p:tag name="OTLBASELINESTARTDATE" val="2026-04-17T00:00:00.0000000"/>
  <p:tag name="OTLSTARTDATE" val="2026-04-17T00:00:00.0000000Z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rgbClr val="808DA9"/>
        </a:solidFill>
        <a:ln w="19050" cap="flat" cmpd="sng" algn="ctr">
          <a:noFill/>
          <a:prstDash val="solid"/>
          <a:miter lim="800000"/>
        </a:ln>
        <a:effectLst/>
        <a:scene3d>
          <a:camera prst="orthographicFront"/>
          <a:lightRig rig="balanced" dir="t">
            <a:rot lat="0" lon="0" rev="8700000"/>
          </a:lightRig>
        </a:scene3d>
        <a:sp3d>
          <a:bevelT w="165100" h="12700"/>
        </a:sp3d>
        <a:extLst>
          <a:ext uri="{91240B29-F687-4F45-9708-019B960494DF}">
            <a14:hiddenLine xmlns:a14="http://schemas.microsoft.com/office/drawing/2010/main" w="19050" cap="flat" cmpd="sng" algn="ctr">
              <a:solidFill>
                <a:schemeClr val="accent1">
                  <a:shade val="15000"/>
                </a:schemeClr>
              </a:solidFill>
              <a:prstDash val="solid"/>
              <a:miter lim="800000"/>
            </a14:hiddenLine>
          </a:ext>
        </a:extLst>
      </a:spPr>
      <a:bodyPr rtlCol="0" anchor="ctr"/>
      <a:lstStyle>
        <a:defPPr algn="ctr">
          <a:defRPr/>
        </a:defPPr>
      </a:lstStyle>
      <a:style>
        <a:lnRef idx="2">
          <a:schemeClr val="accent1">
            <a:shade val="15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Metadata/LabelInfo.xml><?xml version="1.0" encoding="utf-8"?>
<clbl:labelList xmlns:clbl="http://schemas.microsoft.com/office/2020/mipLabelMetadata">
  <clbl:label id="{22462c74-252a-40f3-94ee-5a25abdf097a}" enabled="1" method="Standard" siteId="{3230926a-71b7-4370-a137-197badc066a2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5630</TotalTime>
  <Words>143</Words>
  <Application>Microsoft Office PowerPoint</Application>
  <PresentationFormat>Widescreen</PresentationFormat>
  <Paragraphs>6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ptos</vt:lpstr>
      <vt:lpstr>Aptos Display</vt:lpstr>
      <vt:lpstr>Arial</vt:lpstr>
      <vt:lpstr>Calibri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Todd Pence</dc:creator>
  <cp:lastModifiedBy>Dara Solomon</cp:lastModifiedBy>
  <cp:revision>101</cp:revision>
  <dcterms:created xsi:type="dcterms:W3CDTF">2025-07-30T14:33:50Z</dcterms:created>
  <dcterms:modified xsi:type="dcterms:W3CDTF">2026-04-13T16:03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lassificationContentMarkingFooterLocations">
    <vt:lpwstr>Office Theme:8</vt:lpwstr>
  </property>
  <property fmtid="{D5CDD505-2E9C-101B-9397-08002B2CF9AE}" pid="3" name="ClassificationContentMarkingFooterText">
    <vt:lpwstr>SPP Internal Only</vt:lpwstr>
  </property>
</Properties>
</file>